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0039091\Downloads\"/>
    </mc:Choice>
  </mc:AlternateContent>
  <xr:revisionPtr revIDLastSave="0" documentId="13_ncr:1_{3DFB91B7-3690-4381-9BB5-ED98F833D507}" xr6:coauthVersionLast="47" xr6:coauthVersionMax="47" xr10:uidLastSave="{00000000-0000-0000-0000-000000000000}"/>
  <bookViews>
    <workbookView xWindow="22932" yWindow="-108" windowWidth="23256" windowHeight="12456" xr2:uid="{98908E7D-111E-473C-98FA-9BF794B99DD7}"/>
  </bookViews>
  <sheets>
    <sheet name="Hárok1" sheetId="2" r:id="rId1"/>
  </sheets>
  <definedNames>
    <definedName name="_xlnm._FilterDatabase" localSheetId="0" hidden="1">Hárok1!$A$1:$J$143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633" uniqueCount="3659">
  <si>
    <t>Číslo faktúry/likvidačného listu</t>
  </si>
  <si>
    <t>Dátum doručenia faktúry</t>
  </si>
  <si>
    <t>Dodávateľ</t>
  </si>
  <si>
    <t>Sídlo dodávateľa</t>
  </si>
  <si>
    <t>IČO dodávateľa</t>
  </si>
  <si>
    <t>Popis fakturovaného plnenia</t>
  </si>
  <si>
    <t>Celková hodnota fakturovaného plnenia bez DPH v EUR</t>
  </si>
  <si>
    <t>Celková hodnota fakturovaného plnenia s DPH v EUR</t>
  </si>
  <si>
    <t>Identifikácia zmluvy</t>
  </si>
  <si>
    <t>Identifikácia objednávky</t>
  </si>
  <si>
    <t>FAP42401177</t>
  </si>
  <si>
    <t>Zephiros,a.s.</t>
  </si>
  <si>
    <t>Komárňanská 1478/91, 821 09 Bratislava</t>
  </si>
  <si>
    <t>Pohľadnica 2 druhy a obálka (1000 ks) - vianočná</t>
  </si>
  <si>
    <t>FAP42401203</t>
  </si>
  <si>
    <t>Nuaktiv s.r.o.</t>
  </si>
  <si>
    <t>Žižkova 9, 81102 Bratislava</t>
  </si>
  <si>
    <t>Registrattúra SLA (na 4 roky)</t>
  </si>
  <si>
    <t>231/2024</t>
  </si>
  <si>
    <t>FAP42401204</t>
  </si>
  <si>
    <t>IIT Development a. s.</t>
  </si>
  <si>
    <t>Pluhová 2, 831 03 Bratislava</t>
  </si>
  <si>
    <t>Web Aapplication Firewall</t>
  </si>
  <si>
    <t>248/2024</t>
  </si>
  <si>
    <t>FAP42401205</t>
  </si>
  <si>
    <t>PLUSIM spol. s r.o.</t>
  </si>
  <si>
    <t>Kopčianska 92, 852 03 Bratislava</t>
  </si>
  <si>
    <t>Komplexné sťahovacie služby- RÚ</t>
  </si>
  <si>
    <t>030/2024</t>
  </si>
  <si>
    <t>FAP42401206</t>
  </si>
  <si>
    <t>EDOS-SMART s.r.o.</t>
  </si>
  <si>
    <t>Tematínska 4, 851 05 Bratislava</t>
  </si>
  <si>
    <t>Videozáznam zo školenia: "Zákon o štátnej službe"(z 18.12.2024)</t>
  </si>
  <si>
    <t>3432024, 3582024</t>
  </si>
  <si>
    <t>FAP42401207</t>
  </si>
  <si>
    <t>Bavaria TT s.r.o.</t>
  </si>
  <si>
    <t>Nitrianska 6A, 917 01 Trnava</t>
  </si>
  <si>
    <t>Servis pre služobné motorové vozidlo BMW BT594IL</t>
  </si>
  <si>
    <t>FAP42401208</t>
  </si>
  <si>
    <t>Turan Group s.r.o</t>
  </si>
  <si>
    <t>Hurbanova 2468/12, 921 01 Piešťany</t>
  </si>
  <si>
    <t>Upratovacie práce za 12/204</t>
  </si>
  <si>
    <t>229_2023</t>
  </si>
  <si>
    <t>FAP42401209</t>
  </si>
  <si>
    <t>IMPA Bratislava, a.s.</t>
  </si>
  <si>
    <t>Panónska cesta 23, 851 04 Bratislava</t>
  </si>
  <si>
    <t>Nájom motorových vozidiel 12/2024 (EVČ: AA530KM)</t>
  </si>
  <si>
    <t>156_2024</t>
  </si>
  <si>
    <t>FAP42401210</t>
  </si>
  <si>
    <t>Nájom motorových vozidiel 12/2024 (EVČ: AA326JT)</t>
  </si>
  <si>
    <t>FAP42401211</t>
  </si>
  <si>
    <t>Nájom motorových vozidiel 12/2024 (EVČ: AA323JT)</t>
  </si>
  <si>
    <t>FAP42401212</t>
  </si>
  <si>
    <t>Nájom motorových vozidiel 12/2024 (EVČ: AA451PP)</t>
  </si>
  <si>
    <t>FAP42401213</t>
  </si>
  <si>
    <t>Nájom motorových vozidiel 12/2024 (EVČ: AA324JT)</t>
  </si>
  <si>
    <t>FAP42401214</t>
  </si>
  <si>
    <t>Nájom motorových vozidiel 12/2024 (EVČ: AA325JT)</t>
  </si>
  <si>
    <t>FAP42401215</t>
  </si>
  <si>
    <t>Nájom motorových vozidiel 12/2024 (EVČ: AA327JT)</t>
  </si>
  <si>
    <t>FAP42401216</t>
  </si>
  <si>
    <t>Nájom motorových vozidiel 12/2024 (EVČ: AA321JT)</t>
  </si>
  <si>
    <t>FAP42401217</t>
  </si>
  <si>
    <t>BADUCCI Legal, s.r.o.</t>
  </si>
  <si>
    <t>Mostová 2, 811 02 Bratislava</t>
  </si>
  <si>
    <t>Právne služby 12/2024</t>
  </si>
  <si>
    <t>029/2022, Dod.č. 1, č.2</t>
  </si>
  <si>
    <t>FAP42401218</t>
  </si>
  <si>
    <t>CODEUPP s.r.o.</t>
  </si>
  <si>
    <t>Sadová 162/38, 09303 Vranou nad Topľou</t>
  </si>
  <si>
    <t>Aktualiz. a monitorovanie web stránky UPPaV 12/2024</t>
  </si>
  <si>
    <t>078/2024</t>
  </si>
  <si>
    <t>FAP42401219</t>
  </si>
  <si>
    <t>Slovak Telekom, a.s.</t>
  </si>
  <si>
    <t>Bajkalska 28, 817 62, Bratislava</t>
  </si>
  <si>
    <t>Telefóny, internet za 12/2024 RU a ústredie</t>
  </si>
  <si>
    <t>054/2023</t>
  </si>
  <si>
    <t>FAP42401220</t>
  </si>
  <si>
    <t>Mobilný telefón iPhone 16 128GB Black, 1ks</t>
  </si>
  <si>
    <t>055/2023</t>
  </si>
  <si>
    <t>FAP42401221</t>
  </si>
  <si>
    <t>Orange Slovensko, a.s.</t>
  </si>
  <si>
    <t>Metodova 8, 821 08 Bratislava</t>
  </si>
  <si>
    <t>Paušál ochrana majetku za obdobie 1.1.25 -31.1.2025</t>
  </si>
  <si>
    <t>015/2024</t>
  </si>
  <si>
    <t>FAP42401222</t>
  </si>
  <si>
    <t>Servis pre služobné motorové vozidlo BMW BT616IL (prezutie)</t>
  </si>
  <si>
    <t>FAP42401223</t>
  </si>
  <si>
    <t>SITA Slovenská tlačová agentúra a.s.</t>
  </si>
  <si>
    <t>Mýtna 15, 811 07 Bratislava</t>
  </si>
  <si>
    <t>Monitoring médií 12/2024</t>
  </si>
  <si>
    <t>061/2023</t>
  </si>
  <si>
    <t>FAP42401224</t>
  </si>
  <si>
    <t>Servis pre služobné motorové vozidlo BMW AA638BD (prezutie)</t>
  </si>
  <si>
    <t>FAP42401227</t>
  </si>
  <si>
    <t>SLOVNAFT, a.s.</t>
  </si>
  <si>
    <t>Vlčie hrdlo 1, 824 12 Bratislava</t>
  </si>
  <si>
    <t>PHM, umytie auta, servis a údržba 12/24 +  diaľničné známky 22 ks na nové autá</t>
  </si>
  <si>
    <t>230/2024</t>
  </si>
  <si>
    <t>FAP42401228</t>
  </si>
  <si>
    <t xml:space="preserve">Espresso SK s. r. o. </t>
  </si>
  <si>
    <t>Geologická 1F, 821 06 Bratislava</t>
  </si>
  <si>
    <t>Dodaný tovar 12/2024</t>
  </si>
  <si>
    <t>228_2023</t>
  </si>
  <si>
    <t>FAP42401229</t>
  </si>
  <si>
    <t>Pergamon spol. s r.o.</t>
  </si>
  <si>
    <t>Elektrárenská 12901/4, 831 04 Bratislava 3</t>
  </si>
  <si>
    <t>Prenájom tlačiarne 12/2024</t>
  </si>
  <si>
    <t>017/2024</t>
  </si>
  <si>
    <t>FAP42401230</t>
  </si>
  <si>
    <t>IKEA Bratislava, s.r.o.</t>
  </si>
  <si>
    <t>Ivanská cesta 18, 821 04 Bratislava</t>
  </si>
  <si>
    <t>Kuchynské vybavenie - ústredie + RÚ</t>
  </si>
  <si>
    <t>FAP42401231</t>
  </si>
  <si>
    <t>FAP42401232</t>
  </si>
  <si>
    <t>Spoluúčasť k poistnej udalosti zo dňa 3.12.2024 (EVČ: AA321JT)</t>
  </si>
  <si>
    <t>FAP42401236</t>
  </si>
  <si>
    <t>Nakladatelství C.H.Beck, s.r.o.,organizačná zložka</t>
  </si>
  <si>
    <t>Michalská 9, 811 01 Bratislava</t>
  </si>
  <si>
    <t>Prístupy do portálov v 12/2024</t>
  </si>
  <si>
    <t>188/2024</t>
  </si>
  <si>
    <t>FAP42500001</t>
  </si>
  <si>
    <t>TIDLY reality s.r.o.</t>
  </si>
  <si>
    <t>Dolná 5, 969 01 Banská Štiavnica 1</t>
  </si>
  <si>
    <t>Nájomné a prevádzkové náklady za pobočku TT, 1/2025</t>
  </si>
  <si>
    <t>211_2023</t>
  </si>
  <si>
    <t>FAP42500002</t>
  </si>
  <si>
    <t>Mediderma Invest, s.r.o.</t>
  </si>
  <si>
    <t>Novozámocká 67 C, 949 05 Nitra</t>
  </si>
  <si>
    <t>Nájomné za 2/2025</t>
  </si>
  <si>
    <t>208_2023</t>
  </si>
  <si>
    <t>FAP42500003</t>
  </si>
  <si>
    <t>Náklady na energie a služby 2/2025</t>
  </si>
  <si>
    <t>FAP42500004</t>
  </si>
  <si>
    <t>Lakeside Office 1, a.s.</t>
  </si>
  <si>
    <t>Tomášiková 64, 831 04 Bratislava</t>
  </si>
  <si>
    <t>Nájomné - info.tabuľa 2/2025</t>
  </si>
  <si>
    <t>077/2024</t>
  </si>
  <si>
    <t>FAP42500005</t>
  </si>
  <si>
    <t>Interpolis, a.s.</t>
  </si>
  <si>
    <t>Dolná 6A, 974 01 Banská Bystrica</t>
  </si>
  <si>
    <t>Spoločné prevádzkové náklady 2/2025 RÚ BB</t>
  </si>
  <si>
    <t>214_2023</t>
  </si>
  <si>
    <t>FAP42500006</t>
  </si>
  <si>
    <t>Nájomné parking 2/2025 RÚ BB</t>
  </si>
  <si>
    <t>FAP42500007</t>
  </si>
  <si>
    <t>Nájomné kanc., nájomné technológie 2/2025 RÚ BB</t>
  </si>
  <si>
    <t>FAP42500008</t>
  </si>
  <si>
    <t>Ennea s.r.o.</t>
  </si>
  <si>
    <t>K dolnej stanica 7368, 91101 Trenčín</t>
  </si>
  <si>
    <t>Nájomné za skladovacie a parkovacie priestory za 2/2025</t>
  </si>
  <si>
    <t>212_2023</t>
  </si>
  <si>
    <t>FAP42500009</t>
  </si>
  <si>
    <t>Náklady za energie a služby 2/2025 (opakované plnenie)</t>
  </si>
  <si>
    <t>FAP42500010</t>
  </si>
  <si>
    <t>Cassovar business center a.s.</t>
  </si>
  <si>
    <t>Vajnorská 100/B, 831 04 Bratislava</t>
  </si>
  <si>
    <t>Náj. za kanc.,skl. priestory, nájomné za park.miesta 2/2025 RÚ Košice</t>
  </si>
  <si>
    <t>213_2023</t>
  </si>
  <si>
    <t>FAP42500011</t>
  </si>
  <si>
    <t>Poplatok za správu budovy  2/2025  RÚ Košice</t>
  </si>
  <si>
    <t>FAP42500012</t>
  </si>
  <si>
    <t>Zálohová platba za náklady na energie 2/2025 RÚ Košice</t>
  </si>
  <si>
    <t>FAP42500013</t>
  </si>
  <si>
    <t>Mreality Prešov s.r.o.</t>
  </si>
  <si>
    <t>Kúpeľná 6, 080 01 Prešov</t>
  </si>
  <si>
    <t>Elektrická energia, plyn, voda a služby 2/2025</t>
  </si>
  <si>
    <t>210_2023</t>
  </si>
  <si>
    <t>FAP42500014</t>
  </si>
  <si>
    <t>Nájomné za kancelárie a parkovacie miesta 2/2025</t>
  </si>
  <si>
    <t>FAP42500015</t>
  </si>
  <si>
    <t>LO2 s. r. o.</t>
  </si>
  <si>
    <t>Tomášiková 64/A, 831 04 Bratislava</t>
  </si>
  <si>
    <t>011/2022, Dodatok č. 1-5</t>
  </si>
  <si>
    <t>FAP42500016</t>
  </si>
  <si>
    <t>Opravná faktúra/ťarchopisNájom priestory, prev.náklady 01/2025 (k FA 2400441/FAP42401184)</t>
  </si>
  <si>
    <t>FAP42500018</t>
  </si>
  <si>
    <t>Up Déjeuner, s.r.o.</t>
  </si>
  <si>
    <t>Tomášiková 64A, 831 04 Bratislava</t>
  </si>
  <si>
    <t>E-kupóny  1/2025, 475 ks</t>
  </si>
  <si>
    <t>Z20244890_Z</t>
  </si>
  <si>
    <t>FAP42500019</t>
  </si>
  <si>
    <t>Benefit Systems Slovakia s.r.o.</t>
  </si>
  <si>
    <t>Prievozská 14, 821 09 Bratislava</t>
  </si>
  <si>
    <t>Poskytovanie služieb Multišport 1/2025</t>
  </si>
  <si>
    <t>192_2024</t>
  </si>
  <si>
    <t>FAP42500020</t>
  </si>
  <si>
    <t xml:space="preserve">Slovanet a.s., </t>
  </si>
  <si>
    <t>Galvaniho 19, 821 04 Bratislava</t>
  </si>
  <si>
    <t>Služby internej VoIP 12/2024 - pobočka Trnava</t>
  </si>
  <si>
    <t>216_2023</t>
  </si>
  <si>
    <t>FAP42500021</t>
  </si>
  <si>
    <t>Služby internej VoIP 12/2024 - pobočka Trenčín</t>
  </si>
  <si>
    <t>FAP42500022</t>
  </si>
  <si>
    <t>Služby internej VoIP 12/2024 - pobočka Žilina</t>
  </si>
  <si>
    <t>FAP42500023</t>
  </si>
  <si>
    <t>Služby internej VoIP 12/2024 - pobočka Nitra</t>
  </si>
  <si>
    <t>FAP42500024</t>
  </si>
  <si>
    <t>Služby internej VoIP 12/2024 - pobočka BB</t>
  </si>
  <si>
    <t>FAP42500025</t>
  </si>
  <si>
    <t>Služby internej VoIP 12/2024 - pobočka Prešov</t>
  </si>
  <si>
    <t>FAP42500026</t>
  </si>
  <si>
    <t>Služby internej VoIP 12/2024 - pobočka Košice</t>
  </si>
  <si>
    <t>FAP42500027</t>
  </si>
  <si>
    <t>Služby internej VoIP 12/2024</t>
  </si>
  <si>
    <t>FAP42500028</t>
  </si>
  <si>
    <t>Služby internej VoIP 12/2024 - pobočka Trnava (vice LINK3000+)</t>
  </si>
  <si>
    <t>FAP42500029</t>
  </si>
  <si>
    <t>Služby internej VoIP 12/2024 - pobočka Trenčín (vice LINK3000+)</t>
  </si>
  <si>
    <t>FAP42500030</t>
  </si>
  <si>
    <t>Služby internej VoIP 12/2024 - pobočka Žilina (vice LINK3000+)</t>
  </si>
  <si>
    <t>FAP42500031</t>
  </si>
  <si>
    <t>Služby internej VoIP 12/2024 - pobočka Nitra (vice LINK3000+)</t>
  </si>
  <si>
    <t>FAP42500032</t>
  </si>
  <si>
    <t>Služby internej VoIP 12/2024 - pobočka BB (vice LINK3000+)</t>
  </si>
  <si>
    <t>FAP42500033</t>
  </si>
  <si>
    <t>Služby internej VoIP 12/2024 - pobočka Prešov (vice LINK3000+)</t>
  </si>
  <si>
    <t>FAP42500034</t>
  </si>
  <si>
    <t>Služby internej VoIP 12/2024 - pobočka Košice (vice LINK3000+)</t>
  </si>
  <si>
    <t>FAP42500035</t>
  </si>
  <si>
    <t>Služby internej VoIP 12/2024 (vice LINK3000+)</t>
  </si>
  <si>
    <t>FAP42500036</t>
  </si>
  <si>
    <t>Privátna dátová sieť 12/2024 RÚ Žilina</t>
  </si>
  <si>
    <t>152/2023</t>
  </si>
  <si>
    <t>FAP42500037</t>
  </si>
  <si>
    <t>Privátna dátová sieť 12/2024 RU Trnava</t>
  </si>
  <si>
    <t>FAP42500038</t>
  </si>
  <si>
    <t>Privátna dátová sieť 11/2024 RÚ Nitra</t>
  </si>
  <si>
    <t>FAP42500039</t>
  </si>
  <si>
    <t>Privátna dátová sieť 12/2024 RÚ Banská Bystrica</t>
  </si>
  <si>
    <t>FAP42500040</t>
  </si>
  <si>
    <t>Privátna dátová sieť 12/2024</t>
  </si>
  <si>
    <t>FAP42500041</t>
  </si>
  <si>
    <t>Privátna dátová sieť 12/2024 RÚ Trenčín</t>
  </si>
  <si>
    <t>FAP42500042</t>
  </si>
  <si>
    <t>Privátna dátová sieť 12/2024 RÚ Prešov</t>
  </si>
  <si>
    <t>FAP42500043</t>
  </si>
  <si>
    <t>Privátna dátová sieť 12/2024 serverovňa 2NP</t>
  </si>
  <si>
    <t>FAP42500044</t>
  </si>
  <si>
    <t>Privátna dátová sieť 12/2024 RÚ Košice</t>
  </si>
  <si>
    <t>FAP42500045</t>
  </si>
  <si>
    <t>Slovenská pošta , a.s.</t>
  </si>
  <si>
    <t>Partizánska cesta 9, 975 99 B.Bystrica</t>
  </si>
  <si>
    <t xml:space="preserve">Poštové služby (podaj zásielok) 12/2024 </t>
  </si>
  <si>
    <t>159/2023</t>
  </si>
  <si>
    <t>FAP42500046</t>
  </si>
  <si>
    <t xml:space="preserve">Poštové služby 12/2024 </t>
  </si>
  <si>
    <t>FAP42500047</t>
  </si>
  <si>
    <t>FAP42500048</t>
  </si>
  <si>
    <t>FAP42500049</t>
  </si>
  <si>
    <t>FAP42500050</t>
  </si>
  <si>
    <t>FAP42500051</t>
  </si>
  <si>
    <t>FAP42500052</t>
  </si>
  <si>
    <t>FAP42500053</t>
  </si>
  <si>
    <t>FAP42500054</t>
  </si>
  <si>
    <t>Vizitky</t>
  </si>
  <si>
    <t>FAP42500055</t>
  </si>
  <si>
    <t>FINAL - CD Bratislava, spol. s.r.o.</t>
  </si>
  <si>
    <t xml:space="preserve">Škultétyho 437/18, 958 01 Partizánske </t>
  </si>
  <si>
    <t>Oprava vozidla Peugeot 208, AA421IM</t>
  </si>
  <si>
    <t>FAP42500056</t>
  </si>
  <si>
    <t>Oprava vozidla Kia Ceed, AA811NE</t>
  </si>
  <si>
    <t>FAP42500057</t>
  </si>
  <si>
    <t>Novozámocká 67 C, 949 05 Nitra 5</t>
  </si>
  <si>
    <t>Poplatky za služby - vyúčtovanie II.polrok  - RÚ Nitra</t>
  </si>
  <si>
    <t>FAP42500058</t>
  </si>
  <si>
    <t>Tomášikova 64/A, 831 04 Bratislava</t>
  </si>
  <si>
    <t>Spotreba energie, el., vodné-stočné 12/24</t>
  </si>
  <si>
    <t>FAP42500059</t>
  </si>
  <si>
    <t>HERKI</t>
  </si>
  <si>
    <t>Andrea Hlinku 20/A, 91701 Trnava</t>
  </si>
  <si>
    <t>Sla licencia na úpravy fromulárov, licencia na používanie online API (01.10.2024 - do 31.12.2024)</t>
  </si>
  <si>
    <t>FAP42500060</t>
  </si>
  <si>
    <t>Spotreba energie chladenie, kúrenie, vzduchotechnika 12/2024 - RÚ Banská Bystrica</t>
  </si>
  <si>
    <t>FAP42500061</t>
  </si>
  <si>
    <t>Nájomné a prevádzkové náklady za pobočku TT, 2/2025</t>
  </si>
  <si>
    <t>FAP42500062</t>
  </si>
  <si>
    <t>Seyfor Slovensko, a.s.</t>
  </si>
  <si>
    <t>Plynárenská 7/C, 821 09 Bratislava</t>
  </si>
  <si>
    <t>Poplatok za dátové prostredie a poplatok za využívanie aplikácií Vema Cloud 01-03/2025</t>
  </si>
  <si>
    <t>044_2023, Dodatok č.3</t>
  </si>
  <si>
    <t>FAP42500063</t>
  </si>
  <si>
    <t>Poškodenie vstupnej karty 25/01</t>
  </si>
  <si>
    <t>FAP42500066</t>
  </si>
  <si>
    <t>TODOS Bratislava s.r.o.</t>
  </si>
  <si>
    <t>M.Sch.Trnavského 14, 841 01 Bratislava</t>
  </si>
  <si>
    <t>Servis auta Škoda Superb Combi Ambit AA-290DU</t>
  </si>
  <si>
    <t>FAP42500068</t>
  </si>
  <si>
    <t>RELIA s.r.o.</t>
  </si>
  <si>
    <t>Trnavská 80, 821 02 Bratislava</t>
  </si>
  <si>
    <t xml:space="preserve">Webinár: „Ročné zúčtovanie za rok 2024 + Legislatívne zmeny na rok 2025" </t>
  </si>
  <si>
    <t>FAP42500069</t>
  </si>
  <si>
    <t>Česká asociace pro geoinformace, z.s.</t>
  </si>
  <si>
    <t>Novotného lávka 5, 116 68 Praha 1, Česká republika</t>
  </si>
  <si>
    <t>Konferencia GIS v plánovaní miest a regiónov</t>
  </si>
  <si>
    <t>10400 CZK</t>
  </si>
  <si>
    <t>4012024, 0132025, 0152025</t>
  </si>
  <si>
    <t>FAP42500070</t>
  </si>
  <si>
    <t>SOFTWARE PARTNER, spol. s r.o.</t>
  </si>
  <si>
    <t>Pluhová 55, 831 03 Bratislava</t>
  </si>
  <si>
    <t>Adobe CC for TEAMS All Apps MP ML GOV Subscription 1 User L-1 1-9 platné od 24.1.2025-23.1.2026</t>
  </si>
  <si>
    <t>FAP42500071</t>
  </si>
  <si>
    <t>NASES</t>
  </si>
  <si>
    <t>Kollárova 8, 917 02 Trnava</t>
  </si>
  <si>
    <t>Poskytnutie IT služieb Workplace Management 12/2024</t>
  </si>
  <si>
    <t>063/2024</t>
  </si>
  <si>
    <t>FAP42500075</t>
  </si>
  <si>
    <t>GRAPP CZ, s.r.o.</t>
  </si>
  <si>
    <t>V novém Hloubětíně 874/12, 19000 Praha 9</t>
  </si>
  <si>
    <t xml:space="preserve">Razítka + štoček </t>
  </si>
  <si>
    <t>FAP42500076</t>
  </si>
  <si>
    <t>FAP42500077</t>
  </si>
  <si>
    <t>FAP42500078</t>
  </si>
  <si>
    <t>FAP42500079</t>
  </si>
  <si>
    <t>FAP42500080</t>
  </si>
  <si>
    <t>FAP42500081</t>
  </si>
  <si>
    <t>EUROMOTOR spol. s.r.o.</t>
  </si>
  <si>
    <t>Čerešňová 8A, 974 01 Banská Bystrica</t>
  </si>
  <si>
    <t>Servis auta Škoda OCTAVIA ELEG 1,6 FSI 85K AA772NE</t>
  </si>
  <si>
    <t>FAP42500082</t>
  </si>
  <si>
    <t>Paušál ochrana majetku za obdobie 1.2.2025-28.02.2025</t>
  </si>
  <si>
    <t>FAP42500083</t>
  </si>
  <si>
    <t>Aktualiz. a monitorovanie web stránky UPPaV 01/2025</t>
  </si>
  <si>
    <t>FAP42500084</t>
  </si>
  <si>
    <t>Právne služby 01/2025</t>
  </si>
  <si>
    <t>FAP42500085</t>
  </si>
  <si>
    <t>Prenájom tlačiarne 01/2025</t>
  </si>
  <si>
    <t>FAP42500086</t>
  </si>
  <si>
    <t>Nájom motorových vozidiel 01/2025 (EVČ: AA530KM)</t>
  </si>
  <si>
    <t>FAP42500087</t>
  </si>
  <si>
    <t>FAP42500088</t>
  </si>
  <si>
    <t>Nájom motorových vozidiel 01/2025 (EVČ: AA323JT)</t>
  </si>
  <si>
    <t>FAP42500089</t>
  </si>
  <si>
    <t>Nájom motorových vozidiel 01/2025 (EVČ: AA451PP)</t>
  </si>
  <si>
    <t>FAP42500090</t>
  </si>
  <si>
    <t>Nájom motorových vozidiel 01/2025 (EVČ: AA324JT)</t>
  </si>
  <si>
    <t>FAP42500091</t>
  </si>
  <si>
    <t>Nájom motorových vozidiel 01/2025 (EVČ: AA325JT)</t>
  </si>
  <si>
    <t>FAP42500092</t>
  </si>
  <si>
    <t>Nájom motorových vozidiel 01/2025 (EVČ: AA327JT)</t>
  </si>
  <si>
    <t>FAP42500093</t>
  </si>
  <si>
    <t>Nájom motorových vozidiel 01/2025 (EVČ: AA321JT)</t>
  </si>
  <si>
    <t>FAP42500094</t>
  </si>
  <si>
    <t>Spoločné prevádzkové náklady 3/2025 RÚ BB</t>
  </si>
  <si>
    <t>FAP42500095</t>
  </si>
  <si>
    <t>Nájomné parking 3/2025 RÚ BB</t>
  </si>
  <si>
    <t>FAP42500096</t>
  </si>
  <si>
    <t>Nájomné kanc., nájomné technológie 3/2025 RÚ BB</t>
  </si>
  <si>
    <t>FAP42500097</t>
  </si>
  <si>
    <t>Elektrická energia, plyn, voda a služby 3/2025</t>
  </si>
  <si>
    <t>FAP42500098</t>
  </si>
  <si>
    <t>Nájomné za kancelárie a parkovacie miesta 3/2025</t>
  </si>
  <si>
    <t>FAP42500099</t>
  </si>
  <si>
    <t>Nájomné za 3/2025</t>
  </si>
  <si>
    <t>FAP42500100</t>
  </si>
  <si>
    <t>Náklady na energie a služby 3/2025</t>
  </si>
  <si>
    <t>FAP42500101</t>
  </si>
  <si>
    <t>MAXNETWORK, s.r.o.</t>
  </si>
  <si>
    <t>Kapitána Jána Nálepku 866/18, 925 22 Veľké Úľany</t>
  </si>
  <si>
    <t xml:space="preserve">Obstaranie zariadení, SLA, správa zar.  a aplikačné vybavenie </t>
  </si>
  <si>
    <t>223/2023</t>
  </si>
  <si>
    <t>142024, 402024, 752024, 202024, 1372024, 3872024</t>
  </si>
  <si>
    <t>FAP42500102</t>
  </si>
  <si>
    <t>PHM, umytie auta, servis a údržba 01/25</t>
  </si>
  <si>
    <t>FAP42500103</t>
  </si>
  <si>
    <t>K dolnej stanici 7368, 91101 Trenčín</t>
  </si>
  <si>
    <t>Nájomné za skladovacie a parkovacie priestory za 3/2025</t>
  </si>
  <si>
    <t>FAP42500104</t>
  </si>
  <si>
    <t>FAP42500105</t>
  </si>
  <si>
    <t>Tomášikova 64, 831 04 Bratislava</t>
  </si>
  <si>
    <t>Nájomné - informačná tabuľa (3/2025)</t>
  </si>
  <si>
    <t>FAP42500106</t>
  </si>
  <si>
    <t>Prístupy do portálov v 01/2025</t>
  </si>
  <si>
    <t>FAP42500107</t>
  </si>
  <si>
    <t>Monitoring médií 01/2025</t>
  </si>
  <si>
    <t>FAP42500108</t>
  </si>
  <si>
    <t>Konzultácie k programu VEMA</t>
  </si>
  <si>
    <t>044_2023, Dodatok č.2</t>
  </si>
  <si>
    <t>FAP42500109</t>
  </si>
  <si>
    <t>PhDr.Spišáková Majster Papier</t>
  </si>
  <si>
    <t>Wolkrova 5, 851 01 Bratislava</t>
  </si>
  <si>
    <t>Hygienické a čistiace prostriedky</t>
  </si>
  <si>
    <t>Z20242092_Z</t>
  </si>
  <si>
    <t>FAP42500110</t>
  </si>
  <si>
    <t>Hygienické a čistiace prostriedky RÚ Nitra</t>
  </si>
  <si>
    <t>FAP42500111</t>
  </si>
  <si>
    <t>Servisno - technická podpora 01/2025</t>
  </si>
  <si>
    <t>240/2024</t>
  </si>
  <si>
    <t>FAP42500112</t>
  </si>
  <si>
    <t>PROEKO s.r.o.</t>
  </si>
  <si>
    <t>Strmý vŕšok 18, 841 06 Bratislava</t>
  </si>
  <si>
    <t>Odborný seminár dňa 06.02.2025 s názvom: meny v autoprevádzke firiem a úradov od 01.01.2025</t>
  </si>
  <si>
    <t>FAP42500113</t>
  </si>
  <si>
    <t>FAP42500114</t>
  </si>
  <si>
    <t>Vyúčtovanie spotreby el. energie elektromerov 12/2024 RÚ KE</t>
  </si>
  <si>
    <t>FAP42500115</t>
  </si>
  <si>
    <t>Vyúčtovanie spotreby el. energie 12/2024 RÚ KE</t>
  </si>
  <si>
    <t>FAP42500116</t>
  </si>
  <si>
    <t>Náj. za kanc.,skl. priestory, nájomné za park.miesta 3/2025 RÚ Košice</t>
  </si>
  <si>
    <t>FAP42500117</t>
  </si>
  <si>
    <t>Poplatok za správu budovy  3/2025  RÚ Košice</t>
  </si>
  <si>
    <t>FAP42500118</t>
  </si>
  <si>
    <t>Zálohová platba za náklady na energie 3/2025 RÚ Košice</t>
  </si>
  <si>
    <t>FAP42500119</t>
  </si>
  <si>
    <t>Telefóny, internet za 01/2025 RU a ústredie</t>
  </si>
  <si>
    <t>FAP42500120</t>
  </si>
  <si>
    <t>FAP42500121</t>
  </si>
  <si>
    <t>FAP42500122</t>
  </si>
  <si>
    <t>Regionálne vzdelávacie centrum Košice</t>
  </si>
  <si>
    <t>Hlavná 68, 040 01 Košice</t>
  </si>
  <si>
    <t>vzdelávacia aktivita: „pracovné stretnutie pre stavebné úrady", ktoré sa uskutočnilo v dňoch 22.01.2025, 23.01.2025,24.01.2025 pre 31 osôb</t>
  </si>
  <si>
    <t>0072025, 0172025</t>
  </si>
  <si>
    <t>FAP42500123</t>
  </si>
  <si>
    <t>FAP42500124</t>
  </si>
  <si>
    <t>FAP42500125</t>
  </si>
  <si>
    <t>FAP42500126</t>
  </si>
  <si>
    <t>FAP42500127</t>
  </si>
  <si>
    <t>FAP42500128</t>
  </si>
  <si>
    <t>FAP42500129</t>
  </si>
  <si>
    <t>FAP42500130</t>
  </si>
  <si>
    <t>FAP42500131</t>
  </si>
  <si>
    <t>FAP42500132</t>
  </si>
  <si>
    <t>FAP42500133</t>
  </si>
  <si>
    <t>FAP42500134</t>
  </si>
  <si>
    <t>FAP42500135</t>
  </si>
  <si>
    <t>FAP42500136</t>
  </si>
  <si>
    <t>FAP42500137</t>
  </si>
  <si>
    <t>FAP42500138</t>
  </si>
  <si>
    <t>FAP42500139</t>
  </si>
  <si>
    <t>FAP42500140</t>
  </si>
  <si>
    <t>FAP42500141</t>
  </si>
  <si>
    <t>OTIDEA s.r.o.</t>
  </si>
  <si>
    <t>Astrová 2/A</t>
  </si>
  <si>
    <t>Školenie: Online - Zákon č. 85/1990 Zb.o petičnom práve, 11.02.2025</t>
  </si>
  <si>
    <t>FAP42500142</t>
  </si>
  <si>
    <t xml:space="preserve">044_2023, Dodatok č.3, č.4 </t>
  </si>
  <si>
    <t>FAP42500143</t>
  </si>
  <si>
    <t>Predplatné - Prístup na portál "Profesionál" do 31.12.2025</t>
  </si>
  <si>
    <t>FAP42500144</t>
  </si>
  <si>
    <t>Poštové služby 01/2025</t>
  </si>
  <si>
    <t>FAP42500145</t>
  </si>
  <si>
    <t>FAP42500146</t>
  </si>
  <si>
    <t>FAP42500147</t>
  </si>
  <si>
    <t>FAP42500148</t>
  </si>
  <si>
    <t>FAP42500149</t>
  </si>
  <si>
    <t>FAP42500150</t>
  </si>
  <si>
    <t>Pripojenie do siete Internet  01/2025 serverovňa 2PP</t>
  </si>
  <si>
    <t>FAP42500151</t>
  </si>
  <si>
    <t>Služby expertnej technickej podpory  01/2025</t>
  </si>
  <si>
    <t>FAP42500152</t>
  </si>
  <si>
    <t>Tibor Varga TSV PAPIER</t>
  </si>
  <si>
    <t>Vajanského 80, 984 01 Lučenec</t>
  </si>
  <si>
    <t>Kancelárske potreby na RÚ a ústredie</t>
  </si>
  <si>
    <t>Z20241660_Z</t>
  </si>
  <si>
    <t>FAP42500153</t>
  </si>
  <si>
    <t>Miromax, s.r.o.</t>
  </si>
  <si>
    <t>Zvolenská cesta 133/A, 974 05 Brat</t>
  </si>
  <si>
    <t>Oboznámenie zamestnancov s BOZP - 1/2025</t>
  </si>
  <si>
    <t>243/2024</t>
  </si>
  <si>
    <t>FAP42500154</t>
  </si>
  <si>
    <t>FAP42500155</t>
  </si>
  <si>
    <t>FAP42500156</t>
  </si>
  <si>
    <t>Spotreba energie 1/2025</t>
  </si>
  <si>
    <t>FAP42500157</t>
  </si>
  <si>
    <t>Poštové služby 01/2025 RÚ Trnava-ťarchopis k FA č. 9001760699 (FAP42500146)</t>
  </si>
  <si>
    <t>FAP42500158</t>
  </si>
  <si>
    <t>OfficeLand, s.r.o.</t>
  </si>
  <si>
    <t>Mierová 183, 821 05 Bratislava</t>
  </si>
  <si>
    <t>Dosky semišové so štátnym znakom SR modrá 20 ks</t>
  </si>
  <si>
    <t>FAP42500159</t>
  </si>
  <si>
    <t>Podpora prevádzky, údržba a rozvoj informačného systému 01/2025 (registratúra)</t>
  </si>
  <si>
    <t>FAP42500160</t>
  </si>
  <si>
    <t>Dremont spol. s r.o.</t>
  </si>
  <si>
    <t xml:space="preserve">Družstevná 98, 97632 Badín </t>
  </si>
  <si>
    <t>Kancelársky nábytok pre RÚ BA</t>
  </si>
  <si>
    <t>196/2024</t>
  </si>
  <si>
    <t>FAP42500161</t>
  </si>
  <si>
    <t xml:space="preserve">Kancelársky nábytok pre RÚ  </t>
  </si>
  <si>
    <t>FAP42500162</t>
  </si>
  <si>
    <t>Spotreba energie chladenie, kúrenie, vzduchotechnika 01/2025 - RÚ Banská Bystrica</t>
  </si>
  <si>
    <t>FAP42500164</t>
  </si>
  <si>
    <t>Wolters Kluwer SR s.r.o.</t>
  </si>
  <si>
    <t>Mlynské nivy 48, 82109 Bratislava</t>
  </si>
  <si>
    <t>Predplatné - Prístup na portál "Pracovné právo 2025"</t>
  </si>
  <si>
    <t>FAP42500165</t>
  </si>
  <si>
    <t>Spotreba energie, el., vodné-stočné 01/25</t>
  </si>
  <si>
    <t>FAP42500166</t>
  </si>
  <si>
    <t>Nájomné a prevádzkové náklady za pobočku TT, 3/2025</t>
  </si>
  <si>
    <t>FAP42500167</t>
  </si>
  <si>
    <t>Astrová 2/A, 821 01 Bratislava</t>
  </si>
  <si>
    <t>Školenie: Online -  "INFOZÁKON - aktuálna novela účinná od 1.3.2025 a riešenia najčastejšch problémov z praxe štátnej správy a samospravý pre 1 osobu</t>
  </si>
  <si>
    <t>FAP42500168</t>
  </si>
  <si>
    <t>Kancelársky papier na RÚ</t>
  </si>
  <si>
    <t>Z20241657_Z</t>
  </si>
  <si>
    <t>FAP42500169</t>
  </si>
  <si>
    <t>Hygienické a čistiace prostriedky RÚ Trnava, Trenčín, Žilina, Banská Bystrica, Prešov, Košice</t>
  </si>
  <si>
    <t>FAP42500170</t>
  </si>
  <si>
    <t>Poskytnutie IT služieb Workplace Management 1/2025 + dodatkové konzlultačné služby</t>
  </si>
  <si>
    <t>FAP42500171</t>
  </si>
  <si>
    <t>Alma Career Slovakia s.r.o.</t>
  </si>
  <si>
    <t>Pribinova 19, 811 09 Bratislava</t>
  </si>
  <si>
    <t>Balík služieb na portáli od 27.2.2025-26.2.2026 + poplatok za službu na portáli</t>
  </si>
  <si>
    <t>FAP42500172</t>
  </si>
  <si>
    <t>Paušál ochrana majetku za obdobie 1.3.2025 - 31.3.2025</t>
  </si>
  <si>
    <t>FAP42500174</t>
  </si>
  <si>
    <t>Nájomné za skladovacie a parkovacie priestory za 4/2025</t>
  </si>
  <si>
    <t>FAP42500175</t>
  </si>
  <si>
    <t>Náklady za energie a služby 4/2025 (opakované plnenie)</t>
  </si>
  <si>
    <t>FAP42500176</t>
  </si>
  <si>
    <t>Spoločné prevádzkové náklady 4/2025 RÚ BB</t>
  </si>
  <si>
    <t>FAP42500177</t>
  </si>
  <si>
    <t>Nájomné parking 4/2025 RÚ BB</t>
  </si>
  <si>
    <t>FAP42500178</t>
  </si>
  <si>
    <t>Nájomné kanc., nájomné technológie 4/2025 RÚ BB</t>
  </si>
  <si>
    <t>FAP42500179</t>
  </si>
  <si>
    <t>Servisno - technická podpora 02/2025</t>
  </si>
  <si>
    <t>FAP42500180</t>
  </si>
  <si>
    <t>FAP42500181</t>
  </si>
  <si>
    <t>Aktualiz. a monitorovanie web stránky UPPaV 02/2025</t>
  </si>
  <si>
    <t>FAP42500182</t>
  </si>
  <si>
    <t>ProWise, a.s.</t>
  </si>
  <si>
    <t>Kúpeľná 3, 080 01 Prešov</t>
  </si>
  <si>
    <t xml:space="preserve">Webinár - Podlimitné zákazky pod lupou </t>
  </si>
  <si>
    <t>FAP42500183</t>
  </si>
  <si>
    <t>Prenájom tlačiarne 02/2025</t>
  </si>
  <si>
    <t>FAP42500186</t>
  </si>
  <si>
    <t>Prístupy do portálov v 02/2025</t>
  </si>
  <si>
    <t>FAP42500187</t>
  </si>
  <si>
    <t>Nájomné - informačná tabuľa (1.-17.4.2025)</t>
  </si>
  <si>
    <t>FAP42500188</t>
  </si>
  <si>
    <t>Školenie:   "Zákon o správnom konaní v praxi - 2 dni,  15.1.2025 - 16.1.2025 pre 2 osoby</t>
  </si>
  <si>
    <t>FAP42500190</t>
  </si>
  <si>
    <t>Elektrická energia, plyn, voda a služby 4/2025</t>
  </si>
  <si>
    <t>FAP42500191</t>
  </si>
  <si>
    <t>Nájomné za kancelárie a parkovacie miesta 4/2025</t>
  </si>
  <si>
    <t>FAP42500193</t>
  </si>
  <si>
    <t>Náj. za kanc.,skl. priestory, nájomné za park.miesta 4/2025 RÚ Košice</t>
  </si>
  <si>
    <t>FAP42500194</t>
  </si>
  <si>
    <t>Poplatok za správu budovy  4/2025  RÚ Košice</t>
  </si>
  <si>
    <t>FAP42500195</t>
  </si>
  <si>
    <t>Zálohová platba za náklady na energie 4/2025 RÚ Košice</t>
  </si>
  <si>
    <t>FAP42500197</t>
  </si>
  <si>
    <t>PHM, umytie auta, servis a údržba 02/25</t>
  </si>
  <si>
    <t>FAP42500198</t>
  </si>
  <si>
    <t>Telefóny, internet za 02/2025 RU a ústredie</t>
  </si>
  <si>
    <t>FAP42500199</t>
  </si>
  <si>
    <t>Slovakia Online s.r.o.</t>
  </si>
  <si>
    <t>Slovakia Online s.r.o., Ševčenkova 34, 851 01 Bratislava- mestská časť Petržalka</t>
  </si>
  <si>
    <t>Monitoring médií 02/2025</t>
  </si>
  <si>
    <t>007/2025</t>
  </si>
  <si>
    <t>FAP42500200</t>
  </si>
  <si>
    <t xml:space="preserve">Školenie:  "Zákon o sťažnostiach a jeho aplikácia v praxi ", 06.03.2025 - pre 1 osobu </t>
  </si>
  <si>
    <t>FAP42500201</t>
  </si>
  <si>
    <t>AVE TECH SK, spol. s r.o.</t>
  </si>
  <si>
    <t>Nová Rožňavská 13546/135, 831 04 Bratislava</t>
  </si>
  <si>
    <t>Skartovací stroj AT-66MC</t>
  </si>
  <si>
    <t>FAP42500202</t>
  </si>
  <si>
    <t>Spinky do tlačiarní 9 ks</t>
  </si>
  <si>
    <t>FAP42500203</t>
  </si>
  <si>
    <t>Vysoká škola báňská - Technická univerzita Ostrava</t>
  </si>
  <si>
    <t>17. listopadu 2172/15, 708 00 Ostrava-Poruba</t>
  </si>
  <si>
    <t>CZ61989100</t>
  </si>
  <si>
    <t xml:space="preserve">vzdelávacia aktivita - Konferencia GIS Ostrava 2025, v dňoch 5.-6.3.2025 pre 1 osobu </t>
  </si>
  <si>
    <t>1983,47 CZK</t>
  </si>
  <si>
    <t>2400 CZK</t>
  </si>
  <si>
    <t>FAP42500204</t>
  </si>
  <si>
    <t>2396,69 CZK</t>
  </si>
  <si>
    <t>2900 CZK</t>
  </si>
  <si>
    <t>FAP42500205</t>
  </si>
  <si>
    <t xml:space="preserve">vzdelávacia aktivita - Konferencia GIS Ostrava 2025, v dňoch 5.-6.3.2025 pre 5 osobu </t>
  </si>
  <si>
    <t>9917,36 CZK</t>
  </si>
  <si>
    <t>12 000 CZK</t>
  </si>
  <si>
    <t>FAP42500206</t>
  </si>
  <si>
    <t>Oboznámenie zamestnancov s BOZP - 2/2025</t>
  </si>
  <si>
    <t>FAP42500207</t>
  </si>
  <si>
    <t>Poskytovanie služieb Multišport 3/2025</t>
  </si>
  <si>
    <t>FAP42500208</t>
  </si>
  <si>
    <t>Paušál ochrana majetku za obdobie 07.02.2025 -28.02.2025</t>
  </si>
  <si>
    <t>FAP42500209</t>
  </si>
  <si>
    <t>Nájom motorových vozidiel 02/2025 (EVČ: AA530KM)</t>
  </si>
  <si>
    <t>FAP42500210</t>
  </si>
  <si>
    <t>Nájom motorových vozidiel 02/2025 (EVČ: AA326JT)</t>
  </si>
  <si>
    <t>FAP42500211</t>
  </si>
  <si>
    <t>Nájom motorových vozidiel 02/2025 (EVČ: AA323JT)</t>
  </si>
  <si>
    <t>FAP42500212</t>
  </si>
  <si>
    <t>Nájom motorových vozidiel 02/2025 (EVČ: AA451PP)</t>
  </si>
  <si>
    <t>FAP42500213</t>
  </si>
  <si>
    <t>Nájom motorových vozidiel 02/2025 (EVČ: AA324JT)</t>
  </si>
  <si>
    <t>FAP42500214</t>
  </si>
  <si>
    <t>Nájom motorových vozidiel 02/2025 (EVČ: AA325JT)</t>
  </si>
  <si>
    <t>FAP42500215</t>
  </si>
  <si>
    <t>Nájom motorových vozidiel 02/2025 (EVČ: AA327JT)</t>
  </si>
  <si>
    <t>FAP42500216</t>
  </si>
  <si>
    <t>Nájom motorových vozidiel 02/2025 (EVČ: AA321JT)</t>
  </si>
  <si>
    <t>FAP42500217</t>
  </si>
  <si>
    <t>Online odborný seminár  „MS EXCEL 4 - Kontigenčné tabuľky a grafy pre mierne pokročilých" pre 1 osobu</t>
  </si>
  <si>
    <t>FAP42500218</t>
  </si>
  <si>
    <t xml:space="preserve">E-kupóny  2/2025, 406 ks </t>
  </si>
  <si>
    <t>FAP42500219</t>
  </si>
  <si>
    <t>Alza.sk</t>
  </si>
  <si>
    <t>Sliačska 1/D, 831 02 Bratislava</t>
  </si>
  <si>
    <t>IT príslušenstvo (Monitor "27" ASUS, MacBook Pro 14", Herní notebook Acer Nitro 16)</t>
  </si>
  <si>
    <t>FAP42500220</t>
  </si>
  <si>
    <t>MicroMedia s.r.o.</t>
  </si>
  <si>
    <t>Belgická 196/38, 12000 Praha 2</t>
  </si>
  <si>
    <t>ZoomSphere licence od 07.03.2025 do 06.03.2026</t>
  </si>
  <si>
    <t>FAP42500221</t>
  </si>
  <si>
    <t>Zvolenská cesta 133/A, 974 05 Banská Bystrica</t>
  </si>
  <si>
    <t>BOZP, OPP, PZS - 2/2025</t>
  </si>
  <si>
    <t>FAP42500222</t>
  </si>
  <si>
    <t xml:space="preserve">Poštové služby  (podaj zásielok) 02/2025 </t>
  </si>
  <si>
    <t>006/2025</t>
  </si>
  <si>
    <t>FAP42500223</t>
  </si>
  <si>
    <t>Poštové služby 02/2025</t>
  </si>
  <si>
    <t>FAP42500224</t>
  </si>
  <si>
    <t>FAP42500225</t>
  </si>
  <si>
    <t>FAP42500226</t>
  </si>
  <si>
    <t>FAP42500227</t>
  </si>
  <si>
    <t>FAP42500228</t>
  </si>
  <si>
    <t>FAP42500229</t>
  </si>
  <si>
    <t>FAP42500230</t>
  </si>
  <si>
    <t>VAMO REAL s r.o.</t>
  </si>
  <si>
    <t>Uhoľná 3, 010 01 Žilina</t>
  </si>
  <si>
    <t>Nájomné nebytových priestorov 04-06/25 -Žilina</t>
  </si>
  <si>
    <t>209_2023 a Dodatok č.1</t>
  </si>
  <si>
    <t>FAP42500231</t>
  </si>
  <si>
    <t>Nájom parkovacích miest 04-06/25 -Žilina</t>
  </si>
  <si>
    <t>FAP42500232</t>
  </si>
  <si>
    <t>Preddavky na vlastné energie 04-06/2025 - Žilina</t>
  </si>
  <si>
    <t>FAP42500233</t>
  </si>
  <si>
    <t>Služby internej VoIP 02/2025 - pobočka BB (vice LINK3000+)</t>
  </si>
  <si>
    <t>FAP42500234</t>
  </si>
  <si>
    <t>Služby internej VoIP 02/2025 - pobočka Nitra (vice LINK3000+)</t>
  </si>
  <si>
    <t>FAP42500235</t>
  </si>
  <si>
    <t>Služby internej VoIP 02/2025 - pobočka Žilina (vice LINK3000+)</t>
  </si>
  <si>
    <t>FAP42500236</t>
  </si>
  <si>
    <t>Služby internej VoIP 02/2025 - pobočka Trenčín (vice LINK3000+)</t>
  </si>
  <si>
    <t>FAP42500237</t>
  </si>
  <si>
    <t>Služby internej VoIP 02/2025 - pobočka Trnava (vice LINK3000+)</t>
  </si>
  <si>
    <t>FAP42500238</t>
  </si>
  <si>
    <t>Služby internej VoIP 02/2025 - pobočka Košice (vice LINK3000+)</t>
  </si>
  <si>
    <t>FAP42500239</t>
  </si>
  <si>
    <t>Služby internej VoIP 02/2025 (vice LINK3000+)</t>
  </si>
  <si>
    <t>FAP42500240</t>
  </si>
  <si>
    <t>Privátna dátová sieť 02/2025 RÚ Trenčín</t>
  </si>
  <si>
    <t>FAP42500241</t>
  </si>
  <si>
    <t>Privátna dátová sieť 02/2025 RÚ Prešov</t>
  </si>
  <si>
    <t>FAP42500242</t>
  </si>
  <si>
    <t>Privátna dátová sieť 02/2025 RÚ Košice</t>
  </si>
  <si>
    <t>FAP42500243</t>
  </si>
  <si>
    <t>Privátna dátová sieť 02/2025 RÚ Žilina</t>
  </si>
  <si>
    <t>FAP42500244</t>
  </si>
  <si>
    <t>Privátna dátová sieť 02/2025 RU Trnava</t>
  </si>
  <si>
    <t>FAP42500245</t>
  </si>
  <si>
    <t>Privátna dátová sieť 02/2025 RÚ Nitra</t>
  </si>
  <si>
    <t>FAP42500246</t>
  </si>
  <si>
    <t>Privátna dátová sieť 02/2025 RÚ Banská Bystrica</t>
  </si>
  <si>
    <t>FAP42500247</t>
  </si>
  <si>
    <t>Privátna dátová sieť 02/2025</t>
  </si>
  <si>
    <t>FAP42500248</t>
  </si>
  <si>
    <t>Privátna dátová sieť 02/2025 serverovňa 2PP</t>
  </si>
  <si>
    <t>FAP42500250</t>
  </si>
  <si>
    <t>Vyúčtovanie spotreby el. energie elektromerov 01/2025 RÚ KE</t>
  </si>
  <si>
    <t>FAP42500251</t>
  </si>
  <si>
    <t>Vyúčtovanie spotreby el. energie 01/2025 RÚ KE</t>
  </si>
  <si>
    <t>FAP42500252</t>
  </si>
  <si>
    <t>Služby internej VoIP 02/2025 - pobočka Prešov (vice LINK3000+)</t>
  </si>
  <si>
    <t>FAP42500253</t>
  </si>
  <si>
    <t>Centrum účelových zariadení</t>
  </si>
  <si>
    <t>Rekreačná 13, 921 01 Piešťany</t>
  </si>
  <si>
    <t>Odborný seminár "Tvorba všeobecne záväzných právnych predpisov" (6 osôb) - termín 10.3.2025</t>
  </si>
  <si>
    <t>FAP42500254</t>
  </si>
  <si>
    <t>Slovenská rada pre zelené budovy</t>
  </si>
  <si>
    <t>Vajnorská 1854/8A, 831 04 Bratislava</t>
  </si>
  <si>
    <t>Účasť na webinári: Nový stavebný zákona EIA od 01.04.2025, 06.03.2025</t>
  </si>
  <si>
    <t>FAP42500255</t>
  </si>
  <si>
    <t>Spotreba energie 2/2025</t>
  </si>
  <si>
    <t>FAP42500256</t>
  </si>
  <si>
    <t>Podpora prevádzky, údržba a rozvoj informačného systému 02/2025 (registratúra)</t>
  </si>
  <si>
    <t>FAP42500257</t>
  </si>
  <si>
    <t>POBEST, s.r.o.</t>
  </si>
  <si>
    <t>Zavarská cesta 10H/8032, 917 01 Trnava</t>
  </si>
  <si>
    <t>Výkon ročnej kontroly plynového SHZ</t>
  </si>
  <si>
    <t>FAP42500258</t>
  </si>
  <si>
    <t>hotel Yasmin, Promenáda, a.s</t>
  </si>
  <si>
    <t>Tyršovo nábrežie 1, 040 01 Košice</t>
  </si>
  <si>
    <t>Ubyt. a stravovanie: výjazdová porada  v dňoch 11.-13.3.2025</t>
  </si>
  <si>
    <t>FAP42500259</t>
  </si>
  <si>
    <t>Spotreba energie chladenie, kúrenie, vzduchotechnika 02/2025 - RÚ Banská Bystrica</t>
  </si>
  <si>
    <t>FAP42500261</t>
  </si>
  <si>
    <t>Spotreba energie, el., vodné-stočné 02/25</t>
  </si>
  <si>
    <t>FAP42500262</t>
  </si>
  <si>
    <t xml:space="preserve">Poskytnutie IT služieb Workplace Management 2/2025 </t>
  </si>
  <si>
    <t>FAP42500263</t>
  </si>
  <si>
    <t>Kärcher Slovakia s.r.o.</t>
  </si>
  <si>
    <t>Bratislavská 31, 949 01 Nitra</t>
  </si>
  <si>
    <t>Suchý vysávač T 10/1 + Filtračné vrecká z netkanej textílie</t>
  </si>
  <si>
    <t>FAP42500264</t>
  </si>
  <si>
    <t>Nájomné parking - Lakeside park (17.2.-31.03.2025)</t>
  </si>
  <si>
    <t>011/2022, Dodatok č. 1-6</t>
  </si>
  <si>
    <t>FAP42500265</t>
  </si>
  <si>
    <t>Nájomné a prevádzkové náklady za pobočku TT, 4/2025</t>
  </si>
  <si>
    <t>FAP42500266</t>
  </si>
  <si>
    <t>Online odborný seminár  „MS EXCEL 5 - Interaktívne reporty pre pokročilých" pre 1 osobu (21.03.2025)</t>
  </si>
  <si>
    <t>FAP42500267</t>
  </si>
  <si>
    <t>Vstupné karty pre RÚ Nitra (20 ks) + programovanie</t>
  </si>
  <si>
    <t>FAP42500268</t>
  </si>
  <si>
    <t>EDOS-PEM s.r.o.</t>
  </si>
  <si>
    <t>Seminár: "Zásady účtovníctva + opatrenia k postupom účtovania pre rok 2025" - v termíne 20.3.2025 - 21.03.2025 (1 osoba)</t>
  </si>
  <si>
    <t>FAP42500269</t>
  </si>
  <si>
    <t xml:space="preserve">Kuchynské vybavenie </t>
  </si>
  <si>
    <t>FAP42500270</t>
  </si>
  <si>
    <t>Zoznam, s.r.o.</t>
  </si>
  <si>
    <t>Svätoplukova II. 18892/2 A, 821 08 Bratislava - mestská časť Ružinov</t>
  </si>
  <si>
    <t>Veľtrh „Kariera EXPO Košice 2025" - 20.03.2025</t>
  </si>
  <si>
    <t>FAP42500271</t>
  </si>
  <si>
    <t>M.D.N s.r.o.</t>
  </si>
  <si>
    <t xml:space="preserve">Žehrianska 10, 851 07 Bratislava </t>
  </si>
  <si>
    <t xml:space="preserve">Reklamné predmety na pracovné veľtrhy KARIÉRA EXPO 2025 </t>
  </si>
  <si>
    <t>FAP42500272</t>
  </si>
  <si>
    <t>KLS spol. s r.o.</t>
  </si>
  <si>
    <t>Martina Rázusa 23A, 010 01 Žilina 1</t>
  </si>
  <si>
    <t>Ergonomická pracovná stolička -69 ks</t>
  </si>
  <si>
    <t>195/2024</t>
  </si>
  <si>
    <t>FAP42500273</t>
  </si>
  <si>
    <t>Vladimír Pirošík, advokát</t>
  </si>
  <si>
    <t>Rudohorská 11, 974 11 Banská Bystrica 11</t>
  </si>
  <si>
    <t>vzdelávacia aktivita: „Zákon o slobode informácií v aplikačnej praxi" pre 28 osôb (24.03.2025)</t>
  </si>
  <si>
    <t>FAP42500274</t>
  </si>
  <si>
    <t>PYRA, spol. s.r.o.</t>
  </si>
  <si>
    <t>Vajnorská 103, 831 04 Bratislava</t>
  </si>
  <si>
    <t>Dodanie a montáž zvláštneho výstražného zariadenia do služobných vozidiel BT616IL, BT594IL</t>
  </si>
  <si>
    <t>FAP42500275</t>
  </si>
  <si>
    <t>Auto Palace Bratislava s.r.o.</t>
  </si>
  <si>
    <t>Vajnorská 136/C, 831 04 Bratislava 3</t>
  </si>
  <si>
    <t>poistná udalosť - BMW 545e xDrive Sedan BT616IL (výmena predný nárazník, krytka sp. zrkad.,smerovka P sp. zrkadla + kontrola po odstrojení)</t>
  </si>
  <si>
    <t>2629,26  (131,46)</t>
  </si>
  <si>
    <t>poistná udalosť</t>
  </si>
  <si>
    <t>FAP42500276</t>
  </si>
  <si>
    <t>poistná udalosť - BMW 545e xDrive Sedan BT616IL (výmena predného skla)</t>
  </si>
  <si>
    <t>1528,96 (76,45)</t>
  </si>
  <si>
    <t>FAP42500277</t>
  </si>
  <si>
    <t xml:space="preserve">vzdelávacia aktivita - seminár : "Jazyková kultúra v odborných textoch ", ktorá sa uskutoční dňa 18.2.2025 - pre 1 osobu </t>
  </si>
  <si>
    <t>FAP42500278</t>
  </si>
  <si>
    <t>Online odborný seminár  „Využitie umelej inteligencie v praxi štátnej správy a samosprávy" pre 1 osobu (25.03.2025)</t>
  </si>
  <si>
    <t>FAP42500279</t>
  </si>
  <si>
    <t>Plastová stohovateľná stolička do jedálne 8 ks</t>
  </si>
  <si>
    <t>FAP42500280</t>
  </si>
  <si>
    <t>Kancelárske kreslo 32 ks, Ergonomická pracovná stolička 20 ks, Plastová stohovateľná stolička 12 ks</t>
  </si>
  <si>
    <t>FAP42500281</t>
  </si>
  <si>
    <t>EUROHOTEL, a.s.</t>
  </si>
  <si>
    <t xml:space="preserve">Vajnorská 98/C, 831 04 Bratislava </t>
  </si>
  <si>
    <t>Prenájom priestorov a catering v hoteli nH GATE ONE (26.03.2025)</t>
  </si>
  <si>
    <t>FAP42500285</t>
  </si>
  <si>
    <t>Spoločné prevádzkové náklady 5/2025 RÚ BB</t>
  </si>
  <si>
    <t>FAP42500286</t>
  </si>
  <si>
    <t>Nájomné parking 5/2025 RÚ BB</t>
  </si>
  <si>
    <t>FAP42500287</t>
  </si>
  <si>
    <t>Nájomné kanc., nájomné technológie 5/2025 RÚ BB</t>
  </si>
  <si>
    <t>FAP42500288</t>
  </si>
  <si>
    <t>Právne služby 03/2025</t>
  </si>
  <si>
    <t>FAP42500289</t>
  </si>
  <si>
    <t>Nájomné za skladovacie a parkovacie priestory za 5/2025</t>
  </si>
  <si>
    <t>FAP42500290</t>
  </si>
  <si>
    <t>FAP42500291</t>
  </si>
  <si>
    <t>Elektrická energia, plyn, voda a služby 5/2025</t>
  </si>
  <si>
    <t>FAP42500292</t>
  </si>
  <si>
    <t>Nájomné za kancelárie a parkovacie miesta 5/2025</t>
  </si>
  <si>
    <t>FAP42500293</t>
  </si>
  <si>
    <t xml:space="preserve">Služby spojené s používaním  tlačiarenského zariadenia 03/2025  centrála a RÚ </t>
  </si>
  <si>
    <t>FAP42500295</t>
  </si>
  <si>
    <t>Sadová 162/38, 093 03 Vranou nad Topľou</t>
  </si>
  <si>
    <t>Aktualiz. a monitorovanie web stránky UPPaV 03/2025</t>
  </si>
  <si>
    <t>FAP42500296</t>
  </si>
  <si>
    <t>JABLOTRON SECURITY Slovakia s.r.o.</t>
  </si>
  <si>
    <t>Sasinkova 14, 010 01 Žilina</t>
  </si>
  <si>
    <t>Pravidelný paušálny poplatok za služby Bezpečnostného centra 3/2025</t>
  </si>
  <si>
    <t>005/2025</t>
  </si>
  <si>
    <t>FAP42500297</t>
  </si>
  <si>
    <t>Paušál ochrana majetku za obdobie 01.04.2025-30.04.2025</t>
  </si>
  <si>
    <t>FAP42500298</t>
  </si>
  <si>
    <t>Podpora prevádzky, údržba a rozvoj informačného systému 03/2025 (registratúra)</t>
  </si>
  <si>
    <t>FAP42500299</t>
  </si>
  <si>
    <t>Servisno - technická podpora 03/2025</t>
  </si>
  <si>
    <t>FAP42500300</t>
  </si>
  <si>
    <t>Prístupy do portálov v 03/2025</t>
  </si>
  <si>
    <t>FAP42500312</t>
  </si>
  <si>
    <t>PHM EVO 95 (SSI)</t>
  </si>
  <si>
    <t>FAP42500313</t>
  </si>
  <si>
    <t>FAP42500316</t>
  </si>
  <si>
    <t>Obstaranie zariadení, SLA, správa zar.  a aplikačné vybavenie 3/2025</t>
  </si>
  <si>
    <t>FAP42500317</t>
  </si>
  <si>
    <t>Nájom priestory, prev.náklady, parking 2Q 2025 Lakeside park</t>
  </si>
  <si>
    <t>FAP42500318</t>
  </si>
  <si>
    <t>Poskytovanie služieb Multišport 4/2025</t>
  </si>
  <si>
    <t>FAP42500319</t>
  </si>
  <si>
    <t>Náj. za kanc.,skl. priestory, nájomné za park.miesta 5/2025 RÚ Košice</t>
  </si>
  <si>
    <t>FAP42500320</t>
  </si>
  <si>
    <t>Poplatok za správu budovy 5/2025  RÚ Košice</t>
  </si>
  <si>
    <t>FAP42500321</t>
  </si>
  <si>
    <t>Zálohová platba za náklady na energie 5/2025 RÚ Košice</t>
  </si>
  <si>
    <t>FAP42500322</t>
  </si>
  <si>
    <t>Vyúčtovanie spotreby el. energie elektromerov 02/2025 RÚ KE</t>
  </si>
  <si>
    <t>FAP42500323</t>
  </si>
  <si>
    <t>Vyúčtovanie spotreby el. energie 02/2025 RÚ KE</t>
  </si>
  <si>
    <t>18,04,</t>
  </si>
  <si>
    <t>FAP42500324</t>
  </si>
  <si>
    <t>Leopard Production, s.r.o.</t>
  </si>
  <si>
    <t xml:space="preserve">Sreznevského 3, 831 03 Bratislava </t>
  </si>
  <si>
    <t xml:space="preserve">Livestream z konferencie k novému zákonu </t>
  </si>
  <si>
    <t>FAP42500325</t>
  </si>
  <si>
    <t>Monitoring médií 03/2025</t>
  </si>
  <si>
    <t>FAP42500326</t>
  </si>
  <si>
    <t>Vizitky a kuriér</t>
  </si>
  <si>
    <t>FAP42500327</t>
  </si>
  <si>
    <t>Oboznamovanie ZC s BPZP 3/2025</t>
  </si>
  <si>
    <t>FAP42500328</t>
  </si>
  <si>
    <t>EU Generation Dagmar Zboray</t>
  </si>
  <si>
    <t>Erlachgasse 12/16, A-1100 Viedeň</t>
  </si>
  <si>
    <t>Účastnícky poplatok za konferenciu"Pracovné právo 2025</t>
  </si>
  <si>
    <t>FAP42500329</t>
  </si>
  <si>
    <t>Stravovacia karta 3/2025, 411 ks</t>
  </si>
  <si>
    <t>FAP42500330</t>
  </si>
  <si>
    <t>SWAN a.s.</t>
  </si>
  <si>
    <t>Landererova 12, 811 09 Brtislava</t>
  </si>
  <si>
    <t>Business internet - mesačný poplatok 4/2025/SSI</t>
  </si>
  <si>
    <t>FAP42500331</t>
  </si>
  <si>
    <t>Občerstvenie</t>
  </si>
  <si>
    <t>FAP42500332</t>
  </si>
  <si>
    <t>Telefónne a mobilné poplatky 3/2025 - centrála a RÚ</t>
  </si>
  <si>
    <t>FAP42500333</t>
  </si>
  <si>
    <t xml:space="preserve">Poskytnutie IT služieb Workplace Management 3/2025 </t>
  </si>
  <si>
    <t>FAP42500336</t>
  </si>
  <si>
    <t>Poštové služby  03/2025 centrála</t>
  </si>
  <si>
    <t>FAP42500337</t>
  </si>
  <si>
    <t>WebSupport s.r.o.</t>
  </si>
  <si>
    <t>Karadžičova 12, 821 08 Bratislava</t>
  </si>
  <si>
    <t>SSIRI_2 (hosting-Smart) od 3.4.2025 - 3.4.2026 (3domény a dodatočné úložiško 30 GB na obdobie 1 roka)</t>
  </si>
  <si>
    <t>FAP42500338</t>
  </si>
  <si>
    <t>Poštové služby  3/2025 RÚ Trenčín</t>
  </si>
  <si>
    <t>FAP42500339</t>
  </si>
  <si>
    <t>Poštové služby 3/2025  RÚ Prešov</t>
  </si>
  <si>
    <t>FAP42500340</t>
  </si>
  <si>
    <t>Poštové služby 3/2025 RÚ Nitra</t>
  </si>
  <si>
    <t>FAP42500341</t>
  </si>
  <si>
    <t>Poštové služby 3/2025 RÚ Žilina</t>
  </si>
  <si>
    <t>FAP42500342</t>
  </si>
  <si>
    <t>Poštové služby 3/2025 RÚ Trnava</t>
  </si>
  <si>
    <t>FAP42500343</t>
  </si>
  <si>
    <t>Poštové služby 3/2025 RÚ BA</t>
  </si>
  <si>
    <t>FAP42500344</t>
  </si>
  <si>
    <t>Poštové služby 3/2025 RÚ Košice</t>
  </si>
  <si>
    <t>FAP42500345</t>
  </si>
  <si>
    <t>Nuaktív s.r.o.</t>
  </si>
  <si>
    <t>Žiškova 26, 811 02 Bratislava</t>
  </si>
  <si>
    <t xml:space="preserve">Služby v zmysle akceptačného protokolu </t>
  </si>
  <si>
    <t>405/2024</t>
  </si>
  <si>
    <t>FAP42500346</t>
  </si>
  <si>
    <t>Služby internej VoIP 03/2025 - pobočka BB (vice LINK3000+)</t>
  </si>
  <si>
    <t>FAP42500347</t>
  </si>
  <si>
    <t>Služby internej VoIP 03/2025 - pobočka Nitra (vice LINK3000+)</t>
  </si>
  <si>
    <t>FAP42500348</t>
  </si>
  <si>
    <t>Služby internej VoIP 03/2025 - pobočka Žilina (vice LINK3000+)</t>
  </si>
  <si>
    <t>FAP42500349</t>
  </si>
  <si>
    <t>Služby internej VoIP 03/2025 - pobočka Trenčín (vice LINK3000+)</t>
  </si>
  <si>
    <t>FAP42500350</t>
  </si>
  <si>
    <t>Služby internej VoIP 03/2025 - pobočka Trnava (vice LINK3000+)</t>
  </si>
  <si>
    <t>FAP42500351</t>
  </si>
  <si>
    <t>Služby internej VoIP 03/2025 - pobočka Košice (vice LINK3000+)</t>
  </si>
  <si>
    <t>FAP42500352</t>
  </si>
  <si>
    <t>Služby internej VoIP 03/2025 - pobočka Prešov (vice LINK3000+)</t>
  </si>
  <si>
    <t>FAP42500353</t>
  </si>
  <si>
    <t>Služby internej VoIP 03/2025 (vice LINK3000+)</t>
  </si>
  <si>
    <t>FAP42500354</t>
  </si>
  <si>
    <t>Privátna dátová sieť 03/2025 RÚ Trenčín</t>
  </si>
  <si>
    <t>FAP42500355</t>
  </si>
  <si>
    <t>Privátna dátová sieť 03/2025 RÚ Prešov</t>
  </si>
  <si>
    <t>FAP42500356</t>
  </si>
  <si>
    <t>Privátna dátová sieť 03/2025 RÚ Košice</t>
  </si>
  <si>
    <t>FAP42500357</t>
  </si>
  <si>
    <t>Privátna dátová sieť 03/2025 RÚ Žilina</t>
  </si>
  <si>
    <t>FAP42500358</t>
  </si>
  <si>
    <t>Privátna dátová sieť 03/2025 RU Trnava</t>
  </si>
  <si>
    <t>FAP42500359</t>
  </si>
  <si>
    <t>Privátna dátová sieť 03/2025 RÚ Nitra</t>
  </si>
  <si>
    <t>FAP42500360</t>
  </si>
  <si>
    <t>Privátna dátová sieť 03/2025 RÚ Banská Bystrica</t>
  </si>
  <si>
    <t>FAP42500361</t>
  </si>
  <si>
    <t>Privátna dátová sieť 03/2025</t>
  </si>
  <si>
    <t>FAP42500362</t>
  </si>
  <si>
    <t>Spotreba energie 3/2025</t>
  </si>
  <si>
    <t>FAP42500363</t>
  </si>
  <si>
    <t>Privátna dátová sieť 03/2025 serverovňa 2PP</t>
  </si>
  <si>
    <t>FAP42500364</t>
  </si>
  <si>
    <t>Poplatok za dátové prostredie a poplatok za využívanie aplikácií Vema Cloud 04-06/2025</t>
  </si>
  <si>
    <t>FAP42500365</t>
  </si>
  <si>
    <t>Poštové služby 3/2025 RÚ Banská Bystrica</t>
  </si>
  <si>
    <t>FAP42500366</t>
  </si>
  <si>
    <t>Spotreba energie, el., vodné-stočné 03/25</t>
  </si>
  <si>
    <t>FAP42500367</t>
  </si>
  <si>
    <t>Spotreba energie chladenie, kúrenie, vzduchotechnika 03/2025 - RÚ Banská Bystrica</t>
  </si>
  <si>
    <t>FAP42500368</t>
  </si>
  <si>
    <t>Veľtrh „Kariera EXPO Žilina 2025" -15.4.2025</t>
  </si>
  <si>
    <t>FAP42500369</t>
  </si>
  <si>
    <t>Sťahovacie služby- RÚ Bratislava</t>
  </si>
  <si>
    <t>FAP42500370</t>
  </si>
  <si>
    <t xml:space="preserve">Valentin Vozar </t>
  </si>
  <si>
    <t>Na Sihoti 563/2, 010 01 Žilina</t>
  </si>
  <si>
    <t xml:space="preserve">Nákup elektroinštalácie osvetlenia a zásuvky pre RÚ Žilina </t>
  </si>
  <si>
    <t>FAP42500371</t>
  </si>
  <si>
    <t>Nájomné - Elektronická úradná tabuľa (9.-30.4.2025) RÚ BB</t>
  </si>
  <si>
    <t>FAP42500372</t>
  </si>
  <si>
    <t>Servisný poplatok - Elektronická úradná tabuľa (máj 2025) RÚ BB</t>
  </si>
  <si>
    <t>FAP42500373</t>
  </si>
  <si>
    <t>TatraSoft Group s.r.o.</t>
  </si>
  <si>
    <t>Hroznová 10, 831 01 Bratislava</t>
  </si>
  <si>
    <t>Podpora ekonomických aplikácií 04/2025</t>
  </si>
  <si>
    <t>22/09/01</t>
  </si>
  <si>
    <t>FAP42500374</t>
  </si>
  <si>
    <t>Prevádzkový servis k aplikácii Mzdy 04/2025</t>
  </si>
  <si>
    <t>1/2010</t>
  </si>
  <si>
    <t>FAP42500375</t>
  </si>
  <si>
    <t>Ministerstvo vnútra Slovenskej republiky</t>
  </si>
  <si>
    <t>Pribinova 2, 812 72 Bratislava</t>
  </si>
  <si>
    <t>Pokuta v zmysle čl. 6 - bod 1.1 z chráneného objektu ÚÚPaV (RÚ Žilina)</t>
  </si>
  <si>
    <t>9/5/11/0006/24</t>
  </si>
  <si>
    <t>FAP42500376</t>
  </si>
  <si>
    <t xml:space="preserve">Hygienické a čistiace prostriedky pre Regionálne úrady ÚÚPaV SR </t>
  </si>
  <si>
    <t>FAP42500377</t>
  </si>
  <si>
    <t>Nájomné a prevádzkové náklady za pobočku TT, 5/2025</t>
  </si>
  <si>
    <t>FAP42500378</t>
  </si>
  <si>
    <t xml:space="preserve">Konfigurácia Wifi AP, príprava a organizácia káblových trás - RÚ BA </t>
  </si>
  <si>
    <t>FAP42500379</t>
  </si>
  <si>
    <t xml:space="preserve">Zriadenie pripojenia lokality typ 2, Implemetácia LAN prepínača Typ C, USP Typ A a  rack Typ A -RÚ BA </t>
  </si>
  <si>
    <t>FAP42500380</t>
  </si>
  <si>
    <t>BOZPO, s.r.o.</t>
  </si>
  <si>
    <t xml:space="preserve">Ciglianska cesta 3 C, 971 01 Prievidza </t>
  </si>
  <si>
    <t>Služby BOZP, OPP - 03/2025</t>
  </si>
  <si>
    <t>M2400065</t>
  </si>
  <si>
    <t>FAP42500381</t>
  </si>
  <si>
    <t>Pravidelná údržba kávovarov do konca roka 2025 (7 ks)</t>
  </si>
  <si>
    <t>FAP42500382</t>
  </si>
  <si>
    <t>IRDistribution,a.s.</t>
  </si>
  <si>
    <t>Ochranný kryt s klávesnicou a touchpadom na Samsung EF-DX925UBEGWW</t>
  </si>
  <si>
    <t>Z20241739_Z</t>
  </si>
  <si>
    <t>FAP42500384</t>
  </si>
  <si>
    <t xml:space="preserve">Vzdelávacie služby na seminári s názvom: „Rozvrhovanie pracovného času" dňa 23.04.2025 pre 1 osobu </t>
  </si>
  <si>
    <t>FAP42500385</t>
  </si>
  <si>
    <t>Novotného lávka 200/5, 110 00 Praha 1 - Staré Město</t>
  </si>
  <si>
    <t>CZ65999371</t>
  </si>
  <si>
    <t xml:space="preserve">Vzdelávacia aktivita - 18. ročník výročnej konferencie "Geoinformace ve veřejné správě",  v dňoch 5.-6.5.2025 pre 2 osoby </t>
  </si>
  <si>
    <t>10 900 CZK</t>
  </si>
  <si>
    <t>10 900 CKZ</t>
  </si>
  <si>
    <t>FAP42500386</t>
  </si>
  <si>
    <t>Metropolitný inštitút Bratislavy</t>
  </si>
  <si>
    <t xml:space="preserve">Primaciálne námestie 1, 814 99 Bratislava </t>
  </si>
  <si>
    <t>Vzdelávacia aktivita - "Vráťme mestá deťom - Konferencia o lepšej budúcnosti miest pre deti",v dňoch 13.-14.5.2025 pre 1 osobu (lístok na podujatie)</t>
  </si>
  <si>
    <t>FAP42500387</t>
  </si>
  <si>
    <t>Nájomné za skladovacie a parkovacie priestory za 6/2025</t>
  </si>
  <si>
    <t>FAP42500388</t>
  </si>
  <si>
    <t>Náklady za energie a služby 6/2025 (opakované plnenie)</t>
  </si>
  <si>
    <t>FAP42500389</t>
  </si>
  <si>
    <t>Nájomné za kanc., ostatné admin. , zdieľané priest. 06/2025</t>
  </si>
  <si>
    <t>208_2023, Dodatok č. 1, 2</t>
  </si>
  <si>
    <t>FAP42500390</t>
  </si>
  <si>
    <t>Náklady na energie a služby 6/2025</t>
  </si>
  <si>
    <t>FAP42500391</t>
  </si>
  <si>
    <t>Nájomné za nové parkovacie miesta  6/2025</t>
  </si>
  <si>
    <t>208_2023, Dodatok č. 2</t>
  </si>
  <si>
    <t>FAP42500392</t>
  </si>
  <si>
    <t>Pravidelný paušálny poplatok za služby Bezpečnostného centra 4/2025</t>
  </si>
  <si>
    <t>FAP42500393</t>
  </si>
  <si>
    <t>Aktualiz. a monitorovanie web stránky UPPaV 04/2025</t>
  </si>
  <si>
    <t>FAP42500394</t>
  </si>
  <si>
    <t>Paušál ochrana majetku za obdobie 01.05.2025-31.05.2025</t>
  </si>
  <si>
    <t>FAP42500395</t>
  </si>
  <si>
    <t>FAP42500396</t>
  </si>
  <si>
    <t>Kancelársky nábytok pre centrálu a RÚ Košice</t>
  </si>
  <si>
    <t>322025, 852025</t>
  </si>
  <si>
    <t>FAP42500397</t>
  </si>
  <si>
    <t>Spoločné prevádzkové náklady 6/2025 RÚ BB</t>
  </si>
  <si>
    <t>FAP42500398</t>
  </si>
  <si>
    <t>Nájomné parking 6/2025 RÚ BB</t>
  </si>
  <si>
    <t>FAP42500399</t>
  </si>
  <si>
    <t>Nájomné kanc., nájomné technológie 6/2025 RÚ BB</t>
  </si>
  <si>
    <t>FAP42500400</t>
  </si>
  <si>
    <t>Servisný poplatok - Elektronická úradná tabuľa (jún 2025) RÚ BB</t>
  </si>
  <si>
    <t>FAP42500401</t>
  </si>
  <si>
    <t xml:space="preserve">Služby spojené s používaním  tlačiarenského zariadenia 04/2025  centrála a RÚ </t>
  </si>
  <si>
    <t>FAP42500402</t>
  </si>
  <si>
    <t>Servisno - technická podpora 04/2025</t>
  </si>
  <si>
    <t>FAP42500403</t>
  </si>
  <si>
    <t>Elektrická energia, plyn, voda a služby 6/2025</t>
  </si>
  <si>
    <t>FAP42500404</t>
  </si>
  <si>
    <t>Nájomné za kancelárie a parkovacie miesta 6/2025</t>
  </si>
  <si>
    <t>FAP42500405</t>
  </si>
  <si>
    <t>Telefóny, internet za 04/2025 RÚ a ústredie</t>
  </si>
  <si>
    <t>FAP42500406</t>
  </si>
  <si>
    <t xml:space="preserve">Podpora prevádzky, údržba a rozvoj informačného systému 04/2025 </t>
  </si>
  <si>
    <t>FAP42500407</t>
  </si>
  <si>
    <t>Obstaranie zariadení, SLA, správa zar.  a aplikačné vybavenie 4/2025</t>
  </si>
  <si>
    <t>4032024, 912025</t>
  </si>
  <si>
    <t>FAP42500408</t>
  </si>
  <si>
    <t>Oboznamovanie vedúcich ZC a ZC s BPZP, OPP, oboznámenie vodičov 4/2025</t>
  </si>
  <si>
    <t>FAP42500409</t>
  </si>
  <si>
    <t>PHM, umytie auta, servis a údržba 04/25</t>
  </si>
  <si>
    <t>FAP42500410</t>
  </si>
  <si>
    <t>Asociace pro urbanismus a územní plánování ČR, z.s.</t>
  </si>
  <si>
    <t>Thákurova 7, 160 00 Praha 6  Česká republika</t>
  </si>
  <si>
    <t>Vzdelávacia aktivita - akreditovaná konferencia:  "Město, región a přeshraniční spolupráce", v dňoch 24.-25.04.2025, pre  7 osôb</t>
  </si>
  <si>
    <t>2 950 KČ</t>
  </si>
  <si>
    <t>FAP42500411</t>
  </si>
  <si>
    <t>FAP42500412</t>
  </si>
  <si>
    <t>FAP42500413</t>
  </si>
  <si>
    <t>FAP42500414</t>
  </si>
  <si>
    <t>FAP42500415</t>
  </si>
  <si>
    <t xml:space="preserve">Obstaranie a inicializačná fáza zariadenia </t>
  </si>
  <si>
    <t>FAP42500416</t>
  </si>
  <si>
    <t>Právne služby 04/2025</t>
  </si>
  <si>
    <t>FAP42500417</t>
  </si>
  <si>
    <t>Nájom motorových vozidiel 04/2025 (EVČ: AA530KM)</t>
  </si>
  <si>
    <t>FAP42500418</t>
  </si>
  <si>
    <t>Nájom motorových vozidiel 04/2025 (EVČ: AA326JT)</t>
  </si>
  <si>
    <t>FAP42500419</t>
  </si>
  <si>
    <t>Nájom motorových vozidiel 04/2025 (EVČ: AA323JT)</t>
  </si>
  <si>
    <t>FAP42500420</t>
  </si>
  <si>
    <t>Nájom motorových vozidiel 04/2025 (EVČ: AA451PP)</t>
  </si>
  <si>
    <t>FAP42500421</t>
  </si>
  <si>
    <t>Nájom motorových vozidiel 04/2025 (EVČ: AA324JT)</t>
  </si>
  <si>
    <t>FAP42500422</t>
  </si>
  <si>
    <t>Nájom motorových vozidiel 04/2025 (EVČ: AA325JT)</t>
  </si>
  <si>
    <t>FAP42500423</t>
  </si>
  <si>
    <t>Nájom motorových vozidiel 04/2025 (EVČ: AA327JT)</t>
  </si>
  <si>
    <t>FAP42500424</t>
  </si>
  <si>
    <t>Nájom motorových vozidiel 04/2025 (EVČ: AA321JT)</t>
  </si>
  <si>
    <t>FAP42500425</t>
  </si>
  <si>
    <t>Náj. za kanc.,skl. priestory, nájomné za park.miesta 6/2025 RÚ Košice</t>
  </si>
  <si>
    <t>FAP42500426</t>
  </si>
  <si>
    <t>Poplatok za správu budovy 6/2025  RÚ Košice</t>
  </si>
  <si>
    <t>FAP42500427</t>
  </si>
  <si>
    <t>Zálohová platba za náklady na energie 6/2025 RÚ Košice</t>
  </si>
  <si>
    <t>FAP42500428</t>
  </si>
  <si>
    <t>Kancelársky papiepre ÚÚPaV a  RÚ</t>
  </si>
  <si>
    <t>Z2025852_Z</t>
  </si>
  <si>
    <t>FAP42500429</t>
  </si>
  <si>
    <t>BOZP, OPP, PZS - 4/2025</t>
  </si>
  <si>
    <t>FAP42500430</t>
  </si>
  <si>
    <t>Podpora ekonomických aplikácií 05/2025</t>
  </si>
  <si>
    <t>FAP42500431</t>
  </si>
  <si>
    <t>Prevádzkový servis k aplikácii Mzdy 05/2025</t>
  </si>
  <si>
    <t>FAP42500432</t>
  </si>
  <si>
    <t>Stravovacia karta 4/2025, 541 ks</t>
  </si>
  <si>
    <t>FAP42500433</t>
  </si>
  <si>
    <t>Poskytovanie služieb Multišport 5/2025</t>
  </si>
  <si>
    <t>FAP42500434</t>
  </si>
  <si>
    <t>Vyúčtovanie spotreby el. energie 03/2025 RÚ KE</t>
  </si>
  <si>
    <t>FAP42500435</t>
  </si>
  <si>
    <t>Vyúčtovanie spotreby el. energie elektromerov 03/2025 RÚ KE</t>
  </si>
  <si>
    <t>FAP42500436</t>
  </si>
  <si>
    <t>Kancelársky nábytok pre RÚ Prešov, Žilina, Košice</t>
  </si>
  <si>
    <t>322025, 512025</t>
  </si>
  <si>
    <t>FAP42500437</t>
  </si>
  <si>
    <t>Techno box services s.r.o.</t>
  </si>
  <si>
    <t>Partizánska cesta 3, 974 01 banská Bystrica</t>
  </si>
  <si>
    <t>Dodanie , montáž a oživenie 2 ks čítačiek kariet pre prístupový systém</t>
  </si>
  <si>
    <t>FAP42500438</t>
  </si>
  <si>
    <t>Elektrická energia, plyn a obsluha kotolne 2-3/2025</t>
  </si>
  <si>
    <t>CPZA-MP-2023/006454-004</t>
  </si>
  <si>
    <t>FAP42500439</t>
  </si>
  <si>
    <t>Služby internej VoIP 04/2025 - pobočka BB (vice LINK3000+)</t>
  </si>
  <si>
    <t>FAP42500440</t>
  </si>
  <si>
    <t>Služby internej VoIP 04/2025 - pobočka Nitra (vice LINK3000+)</t>
  </si>
  <si>
    <t>FAP42500441</t>
  </si>
  <si>
    <t>Služby internej VoIP 04/2025 - pobočka Žilina (vice LINK3000+)</t>
  </si>
  <si>
    <t>FAP42500442</t>
  </si>
  <si>
    <t>Služby internej VoIP 04/2025 - pobočka Trenčín (vice LINK3000+)</t>
  </si>
  <si>
    <t>FAP42500443</t>
  </si>
  <si>
    <t>Služby internej VoIP 04/2025 - pobočka Trnava (vice LINK3000+)</t>
  </si>
  <si>
    <t>FAP42500444</t>
  </si>
  <si>
    <t>Služby internej VoIP 04/2025 - pobočka Košice (vice LINK3000+)</t>
  </si>
  <si>
    <t>FAP42500445</t>
  </si>
  <si>
    <t>Služby internej VoIP 04/2025 - pobočka Prešov (vice LINK3000+)</t>
  </si>
  <si>
    <t>FAP42500446</t>
  </si>
  <si>
    <t xml:space="preserve">Služby internej VoIP 03/2025 - ústredie (vice LINK3000+) </t>
  </si>
  <si>
    <t>FAP42500447</t>
  </si>
  <si>
    <t>Privátna dátová sieť 04/2025 RÚ Trenčín</t>
  </si>
  <si>
    <t>FAP42500448</t>
  </si>
  <si>
    <t>Privátna dátová sieť 04/2025 RÚ Prešov</t>
  </si>
  <si>
    <t>FAP42500449</t>
  </si>
  <si>
    <t>Privátna dátová sieť 04/2025 RÚ Košice</t>
  </si>
  <si>
    <t>FAP42500450</t>
  </si>
  <si>
    <t>Privátna dátová sieť 04/2025 RÚ Žilina</t>
  </si>
  <si>
    <t>FAP42500451</t>
  </si>
  <si>
    <t>Privátna dátová sieť 04/2025 RU Trnava</t>
  </si>
  <si>
    <t>FAP42500452</t>
  </si>
  <si>
    <t>Privátna dátová sieť 04/2025 RÚ Nitra</t>
  </si>
  <si>
    <t>FAP42500453</t>
  </si>
  <si>
    <t>Privátna dátová sieť 04/2025 RÚ Banská Bystrica</t>
  </si>
  <si>
    <t>FAP42500454</t>
  </si>
  <si>
    <t>Privátna dátová sieť 04/2025 serverovňa 2PP</t>
  </si>
  <si>
    <t>FAP42500455</t>
  </si>
  <si>
    <t>Privátna dátová sieť 04/2025 pobočka Bratislava</t>
  </si>
  <si>
    <t>FAP42500456</t>
  </si>
  <si>
    <t>Privátna dátová sieť 03/2025 ústredie</t>
  </si>
  <si>
    <t>FAP42500457</t>
  </si>
  <si>
    <t>C.E.N. s.r.o.</t>
  </si>
  <si>
    <t xml:space="preserve">Kalinčiakova 33, P.O.BOX 379, 831 04 Bratislava - Nové Mesto </t>
  </si>
  <si>
    <t xml:space="preserve">Vyhotovenie zvukovo - obrazového záznamu relácie ZOZ </t>
  </si>
  <si>
    <t>FAP42500458</t>
  </si>
  <si>
    <t xml:space="preserve">Služby internej VoIP 03/2025 - pobočka Bratislava (vice LINK3000+) </t>
  </si>
  <si>
    <t>FAP42500459</t>
  </si>
  <si>
    <t>Cyllium SK, s.r.o.</t>
  </si>
  <si>
    <t>Bottova 2A, 811 09 Bratislava</t>
  </si>
  <si>
    <t>vzdelávacia aktivita - workshop: "Riadenie kontinuity činností (BCM)" - 7.5.2025, 1 osoba</t>
  </si>
  <si>
    <t>FAP42500460</t>
  </si>
  <si>
    <t>Spotreba energie 4/2025</t>
  </si>
  <si>
    <t>FAP42500461</t>
  </si>
  <si>
    <t>Prístupy do portálov v 04/2025</t>
  </si>
  <si>
    <t>FAP42500464</t>
  </si>
  <si>
    <t xml:space="preserve">Poštové služby  (podaj zásielok) 04/2025 </t>
  </si>
  <si>
    <t>FAP42500465</t>
  </si>
  <si>
    <t>Poštové služby  4/2025 RÚ Trenčín</t>
  </si>
  <si>
    <t>FAP42500466</t>
  </si>
  <si>
    <t>Poštové služby 4/2025  RÚ Prešov</t>
  </si>
  <si>
    <t>FAP42500467</t>
  </si>
  <si>
    <t>Poštové služby 4/2025 RÚ Nitra</t>
  </si>
  <si>
    <t>FAP42500468</t>
  </si>
  <si>
    <t>Poštové služby 4/2025 RÚ Žilina</t>
  </si>
  <si>
    <t>FAP42500469</t>
  </si>
  <si>
    <t>Poštové služby 4/2025 RÚ Trnava</t>
  </si>
  <si>
    <t>FAP42500470</t>
  </si>
  <si>
    <t>Poštové služby 4/2025 RÚ BA</t>
  </si>
  <si>
    <t>FAP42500471</t>
  </si>
  <si>
    <t>Poštové služby 4/2025 RÚ Košice</t>
  </si>
  <si>
    <t>FAP42500472</t>
  </si>
  <si>
    <t>Poštové služby 4/2025 RÚ Banská Bystrica</t>
  </si>
  <si>
    <t>FAP42500473</t>
  </si>
  <si>
    <t>vzdelávacia aktivita: „Zákon o slobode informácií v aplikačnej praxi" pre 31 osôb (12.05.2025)</t>
  </si>
  <si>
    <t>FAP42500474</t>
  </si>
  <si>
    <t>Vystavenie 2 tokenov</t>
  </si>
  <si>
    <t>FAP42500475</t>
  </si>
  <si>
    <t>Spotreba energie, el., vodné-stočné 04/25</t>
  </si>
  <si>
    <t>FAP42500476</t>
  </si>
  <si>
    <t>SEO s.r.o.</t>
  </si>
  <si>
    <t>Bukurešťská 25, 040 01 Košice</t>
  </si>
  <si>
    <t xml:space="preserve">vzdelávacia aktivita: „Zodpovednosť za škodu pri výkone verejnej moci"dňa 20.05.2025, 1 osoba </t>
  </si>
  <si>
    <t>FAP42500477</t>
  </si>
  <si>
    <t>Štatistický úrad SR</t>
  </si>
  <si>
    <t>Trieda SNP 75, 974 01 Banská Bystrica</t>
  </si>
  <si>
    <t>Vyúčtovanie vecných nákladov na prevádzku budovy ŠÚ SR v Banskej Bystrici (vodné, stočné, elektrina, plyn, strážna služba, upr. spol. priestorov) 3/2025</t>
  </si>
  <si>
    <t>ZML-4-6/2020-BB, Dodatok č.1</t>
  </si>
  <si>
    <t>FAP42500478</t>
  </si>
  <si>
    <t>Partizánska cesta 3, 974 01 Banská Bystrica</t>
  </si>
  <si>
    <t>Elektrická energia, plyn, obsluha kotolne, vodné a stočné 3/2025</t>
  </si>
  <si>
    <t>FAP42500479</t>
  </si>
  <si>
    <t xml:space="preserve">Poskytnutie IT služieb Workplace Management 4/2025 </t>
  </si>
  <si>
    <t>FAP42500481</t>
  </si>
  <si>
    <t>Inštalácia 2x Cloud klient vzdialeným pripojením</t>
  </si>
  <si>
    <t>FAP42500482</t>
  </si>
  <si>
    <t>Odborný seminár  „Pravidlá rozpočtového hospodárenia podľa zákona č. 523/2004 Z.z. a porušenie finančnej disciplíny v teórii a rozhodovacej praxi " pre 4 osoby  (20.05.2025)</t>
  </si>
  <si>
    <t>FAP42500483</t>
  </si>
  <si>
    <t>HexaTech s.r.o.</t>
  </si>
  <si>
    <t>Lermontovova 3, 811 05 Bratislava</t>
  </si>
  <si>
    <t xml:space="preserve">Rozšírenie exist.aplikačného riešenia pre IT helpdesk (analýza, návrh, implementácia, konfigurácia, realizácia, úvodné školenie používateľov a technická podpora) - tiketovací systém </t>
  </si>
  <si>
    <t>229/2024</t>
  </si>
  <si>
    <t>FAP42500485</t>
  </si>
  <si>
    <t>sVAMIBUS s.r.o.</t>
  </si>
  <si>
    <t>Sliezska 9, 831 03 Bratislava</t>
  </si>
  <si>
    <t>Autobusová doprava na miesto dodania konferencie „Bilancujeme a plánujeme" Bratislava - Častá, Častá - Bratislava 22.5.-23.5.2025</t>
  </si>
  <si>
    <t>FAP42500486</t>
  </si>
  <si>
    <t>Pravidelná údržba kávovarov (7 ks)</t>
  </si>
  <si>
    <t>FAP42500487</t>
  </si>
  <si>
    <t>Odborný seminár  „Pravidlá rozpočtvého hospodárenia podľa zákona č. 523/2004 Z.z. a porušenie finančnej disciplíny v teórii a rozhodovacej praxi "  pre 1 osobu  (20.05.2025)</t>
  </si>
  <si>
    <t>FAP42500488</t>
  </si>
  <si>
    <t>Nájomné a prevádzkové náklady za pobočku TT, 6/2025</t>
  </si>
  <si>
    <t>211_2023 a Dodatok č.2</t>
  </si>
  <si>
    <t>FAP42500489</t>
  </si>
  <si>
    <t>INBOX SK s.r.o.</t>
  </si>
  <si>
    <t>Seberíniho 1, 821 03 Bratislava</t>
  </si>
  <si>
    <t>Školenie PRINCE2 Foundation verzia 5 v slovenčine s certifikáciou pre 4 osoby (26.-27.5.2025)</t>
  </si>
  <si>
    <t>FAP42500490</t>
  </si>
  <si>
    <t>VITA Academy s.r.o.</t>
  </si>
  <si>
    <t>Tomášikova 50/A, 831 04 Bratislava</t>
  </si>
  <si>
    <t>Vzdelávacia aktivita: webinár - „Personalistika a rozhodovanie pre 1 osobu (4.-5.6.2025)</t>
  </si>
  <si>
    <t>FAP42500492</t>
  </si>
  <si>
    <t>TuSom s.r.o.</t>
  </si>
  <si>
    <t>Starhradská 12, 851 05 Bratislava</t>
  </si>
  <si>
    <t>Workshop pre zamestnancov úradu - Bilancujeme a plánujeme (zabezpečenie organizácie interného stretnutia)</t>
  </si>
  <si>
    <t>FAP42500493</t>
  </si>
  <si>
    <t>FAP42500494</t>
  </si>
  <si>
    <t>vzdelávacia aktivita: "Cestovné náhrady v roku 2025 - legislatívne zmeny s praktickými príkladmi", pre 1 osobu (28.05.2025)</t>
  </si>
  <si>
    <t>FAP42500495</t>
  </si>
  <si>
    <t>Český inštitut interních auditoru, z.s.</t>
  </si>
  <si>
    <t>Karlovo náměstí 319/3, 120 00 Praha 2</t>
  </si>
  <si>
    <t>Školenie - konferencia:  "Medzinárodná konferencia "INTERNÍ AUDIT  VČERA, DNES A ZÍTRA", pre 1 osobu(21.-22.05.2025)</t>
  </si>
  <si>
    <t>12 500,00 CZK</t>
  </si>
  <si>
    <t>15 125,00 CZK</t>
  </si>
  <si>
    <t>FAP42500496</t>
  </si>
  <si>
    <t>Spoločné prevádzkové náklady 6/2025 RÚ BB - doplatok</t>
  </si>
  <si>
    <t>FAP42500497</t>
  </si>
  <si>
    <t>Kancelárske kreslo - konferenčné kreslo do zasadačiek 14 ks - RÚ Žilina</t>
  </si>
  <si>
    <t>FAP42500498</t>
  </si>
  <si>
    <t>František Meixner</t>
  </si>
  <si>
    <t>Kempelenova 13,  841 04 Bratislava</t>
  </si>
  <si>
    <t>Prečistenie a kontrola 12 ks umývačiek riadu na ÚÚPaV</t>
  </si>
  <si>
    <t>FAP42500499</t>
  </si>
  <si>
    <t>Veľtrh „Kariera EXPO Nitra 2025" -28.05.2025</t>
  </si>
  <si>
    <t>FAP42500500</t>
  </si>
  <si>
    <t>Náklady za energie a služby 7/2025 (opakované plnenie)</t>
  </si>
  <si>
    <t>FAP42500501</t>
  </si>
  <si>
    <t>Nájomné za skladovacie a parkovacie priestory za 7/2025</t>
  </si>
  <si>
    <t>FAP42500502</t>
  </si>
  <si>
    <t>Aktualiz. a monitorovanie web stránky UPPaV 05/2025</t>
  </si>
  <si>
    <t>FAP42500503</t>
  </si>
  <si>
    <t xml:space="preserve">vzdelávacia aktivita - online : "Priestupkové konanie - novelizácia účinná od 1.2.2025 ", dňa 27.05.2025 - pre 1 osobu </t>
  </si>
  <si>
    <t>FAP42500504</t>
  </si>
  <si>
    <t>Kancelária Národnej rady SR</t>
  </si>
  <si>
    <t>Námestie A. Dubčeka 1, 812 80 Bratislava</t>
  </si>
  <si>
    <t>Zabezpečenie konferenčných priestorov, ubytovania a cateringu na interné stretnutie zamestnancov úradu s názvom "Bilancujeme a plánujeme" - zhodnotenie prvého polroka 2025</t>
  </si>
  <si>
    <t>FAP42500505</t>
  </si>
  <si>
    <t>FAP42500506</t>
  </si>
  <si>
    <t>Právne služby 05/2025</t>
  </si>
  <si>
    <t>FAP42500507</t>
  </si>
  <si>
    <t xml:space="preserve">vzdelávacia aktivita -"Jazyková kultúra v odborných textoch II ", dňa 28.05.2025 - pre 1 osobu </t>
  </si>
  <si>
    <t>FAP42500508</t>
  </si>
  <si>
    <t>Náklady na energie a služby 7/2025</t>
  </si>
  <si>
    <t>FAP42500509</t>
  </si>
  <si>
    <t>Nájomné za kanc., ostatné admin. , zdieľané priest. 07/2025</t>
  </si>
  <si>
    <t>FAP42500510</t>
  </si>
  <si>
    <t>Nájomné za parkovacie miesta  7/2025</t>
  </si>
  <si>
    <t>FAP42500511</t>
  </si>
  <si>
    <t>Pravidelný paušálny poplatok za služby Bezpečnostného centra 5/2025</t>
  </si>
  <si>
    <t>FAP42500512</t>
  </si>
  <si>
    <t>Nájomné za kancelárie a parkovacie miesta 7/2025</t>
  </si>
  <si>
    <t>FAP42500513</t>
  </si>
  <si>
    <t>Elektrická energia, plyn, voda a služby 7/2025</t>
  </si>
  <si>
    <t>FAP42500514</t>
  </si>
  <si>
    <t xml:space="preserve">Služby spojené s používaním  tlačiarenského zariadenia 05/2025  centrála a RÚ </t>
  </si>
  <si>
    <t>FAP42500515</t>
  </si>
  <si>
    <t>Paušál ochrana majetku za obdobie 01.06.2025-30.06.2025, 0918651528 (Žilina)</t>
  </si>
  <si>
    <t>FAP42500516</t>
  </si>
  <si>
    <t>Paušál ochrana majetku za obdobie 01.06.2025-30.06.2025, 0905507381 (Trenčín)</t>
  </si>
  <si>
    <t>FAP42500517</t>
  </si>
  <si>
    <t>BOZP, OPP, PZS - 1/2025</t>
  </si>
  <si>
    <t>FAP42500518</t>
  </si>
  <si>
    <t>airwings, s.r.o.</t>
  </si>
  <si>
    <t>Horská 11A, 831 54 Bratislava</t>
  </si>
  <si>
    <t>Spiatočné letenky pre zamestnancov úradu na zahraničnú pracovnú cestu BA / Gdansk / BA - 10.-12.06.2025</t>
  </si>
  <si>
    <t>FAP42500519</t>
  </si>
  <si>
    <t>Servisný poplatok - Elektronická úradná tabuľa (júl 2025) RÚ BB</t>
  </si>
  <si>
    <t>FAP42500520</t>
  </si>
  <si>
    <t>Nájomné parking 7/2025 RÚ BB</t>
  </si>
  <si>
    <t>FAP42500521</t>
  </si>
  <si>
    <t>Spoločné prevádzkové náklady 7/2025 RÚ BB</t>
  </si>
  <si>
    <t>FAP42500522</t>
  </si>
  <si>
    <t>Nájomné kanc., nájomné technológie 7/2025 RÚ BB</t>
  </si>
  <si>
    <t>FAP42500523</t>
  </si>
  <si>
    <t xml:space="preserve">Inicializačná fáza zariadenia </t>
  </si>
  <si>
    <t>FAP42500524</t>
  </si>
  <si>
    <t xml:space="preserve">Obstaranie zariadení, SLA, správa zar.  a aplikačné vybavenie - 5/2025 delimitované SSI </t>
  </si>
  <si>
    <t>FAP42500525</t>
  </si>
  <si>
    <t>Obstaranie zariadení, SLA, správa zar.  a aplikačné vybavenie - 5/2025</t>
  </si>
  <si>
    <t>FAP42500526</t>
  </si>
  <si>
    <t>Servisno - technická podpora 05/2025</t>
  </si>
  <si>
    <t>FAP42500527</t>
  </si>
  <si>
    <t>Žižkova 26, 81102 Bratislava</t>
  </si>
  <si>
    <t xml:space="preserve">Podpora prevádzky, údržba a rozvoj informačného systému 05/2025 </t>
  </si>
  <si>
    <t>FAP42500528</t>
  </si>
  <si>
    <t>Štvrťročná kontrola SHZ 5/11 mesiac 2025</t>
  </si>
  <si>
    <t>FAP42500529</t>
  </si>
  <si>
    <t>Red Tulip s.r.o.</t>
  </si>
  <si>
    <t>Budatínska 59, 85106 Bratislava</t>
  </si>
  <si>
    <t>hlavičkový papier A4 (počet kusov: 200);</t>
  </si>
  <si>
    <t>FAP42500530</t>
  </si>
  <si>
    <t>MOL Česká republika, s.r.o.</t>
  </si>
  <si>
    <t>Moulíkova 3286/1b, 15000 Praha 5</t>
  </si>
  <si>
    <t>PHM EVO 95</t>
  </si>
  <si>
    <t>FAP42500531</t>
  </si>
  <si>
    <t>PHM, umytie auta, servis a údržba 05/25</t>
  </si>
  <si>
    <t>FAP42500532</t>
  </si>
  <si>
    <t>Poskytovanie služieb Multišport 6/2025</t>
  </si>
  <si>
    <t>FAP42500533</t>
  </si>
  <si>
    <t>Vyúčtovanie spotreby el. energie 04/2025 RÚ KE</t>
  </si>
  <si>
    <t>FAP42500534</t>
  </si>
  <si>
    <t>FAP42500535</t>
  </si>
  <si>
    <t>Zálohová platba za náklady na energie 7/2025 RÚ Košice</t>
  </si>
  <si>
    <t>FAP42500536</t>
  </si>
  <si>
    <t>Poplatok za správu budovy 7/2025  RÚ Košice</t>
  </si>
  <si>
    <t>FAP42500537</t>
  </si>
  <si>
    <t>Náj. za kanc.,skl. priestory, nájomné za park.miesta 7/2025 RÚ Košice</t>
  </si>
  <si>
    <t>FAP42500538</t>
  </si>
  <si>
    <t>Monitoring médií 05/2025</t>
  </si>
  <si>
    <t>FAP42500539</t>
  </si>
  <si>
    <t>ITSK s.r.o.</t>
  </si>
  <si>
    <t>Zelená 29, 949 05 NITRA</t>
  </si>
  <si>
    <t>Obaly na tablety iPad s kláves. A touchpadom typ 1 a 2</t>
  </si>
  <si>
    <t>Z20252203_Z</t>
  </si>
  <si>
    <t>FAP42500540</t>
  </si>
  <si>
    <t>Telefóny, internet za 05/2025 RÚ a ústredie</t>
  </si>
  <si>
    <t>FAP42500541</t>
  </si>
  <si>
    <t>Dodanie , montáž a oživenie audiovrátnika</t>
  </si>
  <si>
    <t>FAP42500542</t>
  </si>
  <si>
    <t>REGALSISTEM s.r.o.</t>
  </si>
  <si>
    <t>Soblahovská 7040, 911 01 Trenčín</t>
  </si>
  <si>
    <t>Čiastková objednávka "Dodanie a montáž regálov" v zmysle prílohy č.1 pre RÚ BA</t>
  </si>
  <si>
    <t>FAP42500543</t>
  </si>
  <si>
    <t>Monitoring médií 04/2025</t>
  </si>
  <si>
    <t>FAP42500544</t>
  </si>
  <si>
    <t>Poskytovanie užívateľských prístupov k právnemu infor. systému (01.05.2025 - 31.05.2025)</t>
  </si>
  <si>
    <t>FAP42500545</t>
  </si>
  <si>
    <t xml:space="preserve">Komora manažérov kybernetickej bezpečnosti </t>
  </si>
  <si>
    <t>Klincová 37, 821 08 Bratislava - mestská časť Ružinov, Slovenská republika</t>
  </si>
  <si>
    <t>KMKB Workshop - účastnícky poplatok s ubytovaním, 12.-13.6.2025, hotel Sitno, Vyhne</t>
  </si>
  <si>
    <t>FAP42500546</t>
  </si>
  <si>
    <t>Nájom motorových vozidiel 05/2025 (EVČ: AA327JT)</t>
  </si>
  <si>
    <t>FAP42500547</t>
  </si>
  <si>
    <t>Nájom motorových vozidiel 05/2025 (EVČ: AA530KM)</t>
  </si>
  <si>
    <t>FAP42500548</t>
  </si>
  <si>
    <t>Nájom motorových vozidiel 05/2025 (EVČ: AA326JT)</t>
  </si>
  <si>
    <t>FAP42500549</t>
  </si>
  <si>
    <t>Nájom motorových vozidiel 05/2025 (EVČ: AA323JT)</t>
  </si>
  <si>
    <t>FAP42500550</t>
  </si>
  <si>
    <t>Nájom motorových vozidiel 05/2025 (EVČ: AA451PP)</t>
  </si>
  <si>
    <t>FAP42500551</t>
  </si>
  <si>
    <t>Nájom motorových vozidiel 05/2025 (EVČ: AA324JT)</t>
  </si>
  <si>
    <t>FAP42500552</t>
  </si>
  <si>
    <t>Nájom motorových vozidiel 05/2025 (EVČ: AA325JT)</t>
  </si>
  <si>
    <t>FAP42500553</t>
  </si>
  <si>
    <t>Nájom motorových vozidiel 05/2025 (EVČ: AA321JT)</t>
  </si>
  <si>
    <t>FAP42500554</t>
  </si>
  <si>
    <t>Stravovacia karta 5/2025, 544 ks</t>
  </si>
  <si>
    <t>FAP42500555</t>
  </si>
  <si>
    <t>Oboznamovanie vedúcich ZC a ZC s BPZP, OPP, oboznámenie vodičov 5/2025</t>
  </si>
  <si>
    <t>FAP42500556</t>
  </si>
  <si>
    <t>BOZP, OPP, PZS - 5/2025</t>
  </si>
  <si>
    <t>FAP42500557</t>
  </si>
  <si>
    <t>Podpora ekonomických aplikácií 06/2025</t>
  </si>
  <si>
    <t>FAP42500558</t>
  </si>
  <si>
    <t>Prevádzkový servis k aplikácii Mzdy 06/2025</t>
  </si>
  <si>
    <t>FAP42500559</t>
  </si>
  <si>
    <t>Nájomné - informačná tabuľa 04/2025 - ťarchopis opravná FA</t>
  </si>
  <si>
    <t>079/2025</t>
  </si>
  <si>
    <t>FAP42500560</t>
  </si>
  <si>
    <t xml:space="preserve">Nájomné - informačná tabuľa 05/2025 </t>
  </si>
  <si>
    <t>FAP42500561</t>
  </si>
  <si>
    <t xml:space="preserve">Nájomné - informačná tabuľa 06/2025 </t>
  </si>
  <si>
    <t>FAP42500562</t>
  </si>
  <si>
    <t xml:space="preserve">Nájomné - informačná tabuľa 07/2025 </t>
  </si>
  <si>
    <t>FAP42500563</t>
  </si>
  <si>
    <t>Nájomné nebytových priestorov 07-09/25 -Žilina</t>
  </si>
  <si>
    <t>FAP42500564</t>
  </si>
  <si>
    <t>Nájom parkovacích miest 07-09/25 -Žilina</t>
  </si>
  <si>
    <t>FAP42500565</t>
  </si>
  <si>
    <t>Preddavky na vlastné energie 07-09/2025 - Žilina</t>
  </si>
  <si>
    <t>FAP42500566</t>
  </si>
  <si>
    <t xml:space="preserve">Seminár: Stavebné právo - nová právna úprava, dňa 04.06.2025 pre 1 osobu </t>
  </si>
  <si>
    <t>232,47</t>
  </si>
  <si>
    <t>FAP42500568</t>
  </si>
  <si>
    <t>Služby internej VoIP 05/2025 - pobočka BB (vice LINK3000+)</t>
  </si>
  <si>
    <t>1271,23</t>
  </si>
  <si>
    <t>1563,61</t>
  </si>
  <si>
    <t>FAP42500569</t>
  </si>
  <si>
    <t>Služby internej VoIP 05/2025 - pobočka Nitra (vice LINK3000+)</t>
  </si>
  <si>
    <t>1262,18</t>
  </si>
  <si>
    <t>1552,48</t>
  </si>
  <si>
    <t>FAP42500570</t>
  </si>
  <si>
    <t>Služby internej VoIP 05/2025 - pobočka Žilina (vice LINK3000+)</t>
  </si>
  <si>
    <t>1289,02</t>
  </si>
  <si>
    <t>1585,49</t>
  </si>
  <si>
    <t>FAP42500571</t>
  </si>
  <si>
    <t>Služby internej VoIP 05/2025 - pobočka Trenčín (vice LINK3000+)</t>
  </si>
  <si>
    <t>1254,33</t>
  </si>
  <si>
    <t>FAP42500572</t>
  </si>
  <si>
    <t>Služby internej VoIP 05/2025 - pobočka Trnava (vice LINK3000+)</t>
  </si>
  <si>
    <t>FAP42500573</t>
  </si>
  <si>
    <t>Služby internej VoIP 05/2025 - pobočka Košice (vice LINK3000+)</t>
  </si>
  <si>
    <t>FAP42500574</t>
  </si>
  <si>
    <t>Služby internej VoIP 05/2025 - pobočka Prešov (vice LINK3000+)</t>
  </si>
  <si>
    <t>FAP42500575</t>
  </si>
  <si>
    <t>Privátna dátová sieť 05/2025 RÚ Trenčín</t>
  </si>
  <si>
    <t>FAP42500576</t>
  </si>
  <si>
    <t>Privátna dátová sieť 05/2025 RÚ Prešov</t>
  </si>
  <si>
    <t>FAP42500577</t>
  </si>
  <si>
    <t>Privátna dátová sieť 05/2025 RÚ Košice</t>
  </si>
  <si>
    <t>FAP42500578</t>
  </si>
  <si>
    <t>Privátna dátová sieť 05/2025 RU Trnava</t>
  </si>
  <si>
    <t>FAP42500579</t>
  </si>
  <si>
    <t>Privátna dátová sieť 05/2025 RÚ Nitra</t>
  </si>
  <si>
    <t>FAP42500580</t>
  </si>
  <si>
    <t>Privátna dátová sieť 05/2025 RÚ Banská Bystrica</t>
  </si>
  <si>
    <t>FAP42500581</t>
  </si>
  <si>
    <t>Privátna dátová sieť 05/2025 pobočka Bratislava</t>
  </si>
  <si>
    <t>FAP42500582</t>
  </si>
  <si>
    <t>Privátna dátová sieť 05/2025 ústredie</t>
  </si>
  <si>
    <t>FAP42500583</t>
  </si>
  <si>
    <t>Privátna dátová sieť 05/2025 serverovňa 2PP</t>
  </si>
  <si>
    <t>FAP42500584</t>
  </si>
  <si>
    <t>Privátna dátová sieť 05/2025 RÚ Žilina</t>
  </si>
  <si>
    <t>FAP42500585</t>
  </si>
  <si>
    <t xml:space="preserve">Služby internej VoIP 05/2025 - ústredie (vice LINK3000+) </t>
  </si>
  <si>
    <t>FAP42500586</t>
  </si>
  <si>
    <t>FAP42500587</t>
  </si>
  <si>
    <t xml:space="preserve">Poštové služby  (podaj zásielok) 05/2025 </t>
  </si>
  <si>
    <t>FAP42500588</t>
  </si>
  <si>
    <t>Poštové služby 5/2025 RÚ Trenčín</t>
  </si>
  <si>
    <t>FAP42500589</t>
  </si>
  <si>
    <t>Poštové služby 5/2025  RÚ Prešov</t>
  </si>
  <si>
    <t>FAP42500590</t>
  </si>
  <si>
    <t>Poštové služby 5/2025 RÚ Nitra</t>
  </si>
  <si>
    <t>FAP42500591</t>
  </si>
  <si>
    <t>Poštové služby 5/2025 RÚ Žilina</t>
  </si>
  <si>
    <t>FAP42500592</t>
  </si>
  <si>
    <t>Poštové služby 5/2025 RÚ Trnava</t>
  </si>
  <si>
    <t>FAP42500593</t>
  </si>
  <si>
    <t>Poštové služby 5/2025 RÚ BA</t>
  </si>
  <si>
    <t>FAP42500594</t>
  </si>
  <si>
    <t>Poštové služby 5/2025 RÚ Košice</t>
  </si>
  <si>
    <t>FAP42500595</t>
  </si>
  <si>
    <t>Poštové služby 5/2025 RÚ Banská Bystrica</t>
  </si>
  <si>
    <t>FAP42500596</t>
  </si>
  <si>
    <t>FAP42500597</t>
  </si>
  <si>
    <t>Obal na tablet s klávesnicou a touchpadom typ 1 - 5 ks</t>
  </si>
  <si>
    <t>FAP42500598</t>
  </si>
  <si>
    <t>Martina Rázusa 9, 010 01 Žilina 1</t>
  </si>
  <si>
    <t>Dvojmiestna čalúnená sedačka do riaditeľskej kancelárie 2 ks</t>
  </si>
  <si>
    <t>FAP42500599</t>
  </si>
  <si>
    <t>Spotreba energie, el., vodné-stočné 05/25</t>
  </si>
  <si>
    <t>FAP42500600</t>
  </si>
  <si>
    <t>Spotreba energie 5/2025</t>
  </si>
  <si>
    <t>FAP42500601</t>
  </si>
  <si>
    <t xml:space="preserve">Služby internej VoIP 05/2025 - pobočka Bratislava (vice LINK3000+) </t>
  </si>
  <si>
    <t>FAP42500602</t>
  </si>
  <si>
    <t>Nákup notebookov GIS a prislusenstva (tašky na notebooky)</t>
  </si>
  <si>
    <t>FAP42500604</t>
  </si>
  <si>
    <t xml:space="preserve">Poskytnutie IT služieb Workplace Management 5/2025 </t>
  </si>
  <si>
    <t>FAP42500605</t>
  </si>
  <si>
    <t>Vystavenie 3 tokenov</t>
  </si>
  <si>
    <t>FAP42500606</t>
  </si>
  <si>
    <t>Spotreba energie chladenie, kúrenie, vzduchotechnika 05/2025 - RÚ Banská Bystrica</t>
  </si>
  <si>
    <t>FAP42500607</t>
  </si>
  <si>
    <t>Dodanie a montáž regálov pre RÚ Trenčín</t>
  </si>
  <si>
    <t>FAP42500608</t>
  </si>
  <si>
    <t>Inštalácia CLOUD klientov (3stanice)</t>
  </si>
  <si>
    <t>FAP42500609</t>
  </si>
  <si>
    <t>FAP42500610</t>
  </si>
  <si>
    <t>Nájomné a prevádzkové náklady za pobočku TT, 7/2025</t>
  </si>
  <si>
    <t>FAP42500611</t>
  </si>
  <si>
    <t>vzdelávacia aktivita: „Novinárska legistatíva" pre 7 osôb (20.06.2025)</t>
  </si>
  <si>
    <t>FAP42500612</t>
  </si>
  <si>
    <t>Online školenie "Aplikácia zákona č.71/1967 Zb. o správnom konaní" (1 osoba) - termín 11.6. - 12.06.2025</t>
  </si>
  <si>
    <t>FAP42500613</t>
  </si>
  <si>
    <t>Seminár: "Poloročné stretnutie mzdárov a personalistov" - v termíne 20.6.2025 (1 osoba)</t>
  </si>
  <si>
    <t>FAP42500614</t>
  </si>
  <si>
    <t>Vygenerovanie a import príkaz na úhradu - ÚÚPV - dotácie PVŠS</t>
  </si>
  <si>
    <t>FAP42500615</t>
  </si>
  <si>
    <t>Ing. Martina Ďurišová - Trenčiansky vzdelávací servis</t>
  </si>
  <si>
    <t>Inovecká 1140/22, 911 01 Trenčín</t>
  </si>
  <si>
    <t>Online seminár: „Stavby a ochrana prírody", termín 27.06.2025 (11 osôb)</t>
  </si>
  <si>
    <t>1562025, 1602025, 1662024</t>
  </si>
  <si>
    <t>FAP42500616</t>
  </si>
  <si>
    <t>Vyúčtovanie prevádzkových nákladov za rok 2024</t>
  </si>
  <si>
    <t>FAP42500617</t>
  </si>
  <si>
    <t>base4work s.r.o.</t>
  </si>
  <si>
    <t>Digital Park II, Einsteinova 25, Bratislava - mestská časť Petržalka 851 01</t>
  </si>
  <si>
    <t>Eventová služba v termíne 25.06.2025 (Balíček event )</t>
  </si>
  <si>
    <t>FAP42500618</t>
  </si>
  <si>
    <t>Nájom motorových vozidiel 06/2025 (EVČ: AA324JT)</t>
  </si>
  <si>
    <t>FAP42500619</t>
  </si>
  <si>
    <t>Nájom motorových vozidiel 06/2025 (EVČ: AA321JT)</t>
  </si>
  <si>
    <t>FAP42500620</t>
  </si>
  <si>
    <t>Nájom motorových vozidiel 06/2025 (EVČ: AA327JT)</t>
  </si>
  <si>
    <t>FAP42500621</t>
  </si>
  <si>
    <t>Nájom motorových vozidiel 06/2025 (EVČ: AA325JT)</t>
  </si>
  <si>
    <t>FAP42500622</t>
  </si>
  <si>
    <t>Nájom motorových vozidiel 06/2025 (EVČ: AA530KM)</t>
  </si>
  <si>
    <t>FAP42500623</t>
  </si>
  <si>
    <t>Nájom motorových vozidiel 06/2025 (EVČ: AA323JT)</t>
  </si>
  <si>
    <t>FAP42500624</t>
  </si>
  <si>
    <t>Nájom motorových vozidiel 06/2025 (EVČ: AA326JT)</t>
  </si>
  <si>
    <t>FAP42500625</t>
  </si>
  <si>
    <t>Nájom motorových vozidiel 06/2025 (EVČ: AA451PP)</t>
  </si>
  <si>
    <t>FAP42500626</t>
  </si>
  <si>
    <t>Auto Rotos, s.r.o.</t>
  </si>
  <si>
    <t>Pestovateľská 10, 821 04 Bratislava</t>
  </si>
  <si>
    <t>Prezutie 7 ks služobných motorových vozidiel, uskladnenie 7 sád sezónnych kolies a pneumatík</t>
  </si>
  <si>
    <t>80/2025</t>
  </si>
  <si>
    <t>1572025, 1582025</t>
  </si>
  <si>
    <t>FAP42500627</t>
  </si>
  <si>
    <t>Prezutie 8 ks služobných motorových vozidiel, uskladnenie 8 sád sezónnych kolies a pneumatík</t>
  </si>
  <si>
    <t>FAP42500628</t>
  </si>
  <si>
    <t>Prezutie 6 ks služobných motorových vozidiel, uskladnenie 7 sád sezónnych kolies a pneumatík</t>
  </si>
  <si>
    <t>FAP42500629</t>
  </si>
  <si>
    <t>Prezutie 17 ks služobných motorových vozidiel, uskladnenie 17 sád sezónnych kolies a pneumatík</t>
  </si>
  <si>
    <t>FAP42500630</t>
  </si>
  <si>
    <t>Prezutie 6 ks služobných motorových vozidiel, uskladnenie 6 sád sezónnych kolies a pneumatík</t>
  </si>
  <si>
    <t>FAP42500631</t>
  </si>
  <si>
    <t>Prezutie 5 ks služobných motorových vozidiel, uskladnenie 5 sád sezónnych kolies a pneumatík</t>
  </si>
  <si>
    <t>FAP42500632</t>
  </si>
  <si>
    <t>FAP42500633</t>
  </si>
  <si>
    <t>Servisná služba: pravidelnáročná a servisná prehliadka, výmena pneumatiky AA604ED ( ÚÚPaV ústredie )</t>
  </si>
  <si>
    <t>FAP42500634</t>
  </si>
  <si>
    <t>Nájomné parking 8/2025 RÚ BB</t>
  </si>
  <si>
    <t>FAP42500635</t>
  </si>
  <si>
    <t xml:space="preserve">Nájomné - informačná tabuľa 08/2025 </t>
  </si>
  <si>
    <t>FAP42500636</t>
  </si>
  <si>
    <t>Nájom priestory, prev.náklady, parking 3Q 2025 Lakeside park</t>
  </si>
  <si>
    <t>FAP42500637</t>
  </si>
  <si>
    <t>Nájomné za skladovacie a parkovacie priestory za 8/2025</t>
  </si>
  <si>
    <t>FAP42500638</t>
  </si>
  <si>
    <t>Náklady za energie a služby 8/2025 (opakované plnenie)</t>
  </si>
  <si>
    <t>FAP42500639</t>
  </si>
  <si>
    <t>Pravidelný paušálny poplatok za služby Bezpečnostného centra 6/2025</t>
  </si>
  <si>
    <t>FAP42500640</t>
  </si>
  <si>
    <t>Servisný poplatok - Elektronická úradná tabuľa (august 2025) RÚ BB</t>
  </si>
  <si>
    <t>FAP42500641</t>
  </si>
  <si>
    <t>Spoločné prevádzkové náklady 8/2025 RÚ BB</t>
  </si>
  <si>
    <t>FAP42500642</t>
  </si>
  <si>
    <t>Nájomné kanc., nájomné technológie 8/2025 RÚ BB</t>
  </si>
  <si>
    <t>FAP42500643</t>
  </si>
  <si>
    <t>Robinco Slovakia s.r.o.</t>
  </si>
  <si>
    <t>Dolné Rudiny 1, 010 01 Žilina</t>
  </si>
  <si>
    <t>Služby súvisiace s prevádzkou frankovacieho stroja</t>
  </si>
  <si>
    <t>FAP42500644</t>
  </si>
  <si>
    <t>Náklady na energie a služby 8/2025 RÚ Nitra</t>
  </si>
  <si>
    <t>FAP42500645</t>
  </si>
  <si>
    <t>Nájomné za kanc., ostatné admin. , zdieľané priest. 08/2025 RÚ Nitra</t>
  </si>
  <si>
    <t>FAP42500646</t>
  </si>
  <si>
    <t>Nájomné za parkovacie miesta  8/2025 RÚ Nitra</t>
  </si>
  <si>
    <t>FAP42500647</t>
  </si>
  <si>
    <t>Elektrická energia, plyn, voda a služby 8/2025</t>
  </si>
  <si>
    <t>FAP42500648</t>
  </si>
  <si>
    <t>Nájomné za kancelárie a parkovacie miesta 8/2025</t>
  </si>
  <si>
    <t>FAP42500649</t>
  </si>
  <si>
    <t>PERGAMON spol. s r.o.</t>
  </si>
  <si>
    <t>FAP42500650</t>
  </si>
  <si>
    <t>Ergonomická pracovná stolička , 7ks - RÚ NITRA</t>
  </si>
  <si>
    <t>FAP42500651</t>
  </si>
  <si>
    <t>FAP42500652</t>
  </si>
  <si>
    <t>Právne služby 06/2025</t>
  </si>
  <si>
    <t>FAP42500653</t>
  </si>
  <si>
    <t>Aktualiz. a monitorovanie web stránky UPPaV 06/2025</t>
  </si>
  <si>
    <t>FAP42500654</t>
  </si>
  <si>
    <t>Poskytovanie užívateľských prístupov k právnemu infor. systému (01.06.2025 - 30.06.2025)</t>
  </si>
  <si>
    <t>FAP42500655</t>
  </si>
  <si>
    <t>Paušál ochrana majetku za obdobie 01.07.2025-31.07.2025, 0905507381 (Trenčín)</t>
  </si>
  <si>
    <t>FAP42500656</t>
  </si>
  <si>
    <t>Paušál ochrana majetku za obdobie 01.07.2025-31.07.2025, 0918651528 (Žilina)</t>
  </si>
  <si>
    <t>FAP42500657</t>
  </si>
  <si>
    <t>PHM, umytie auta, servis a údržba 06/25</t>
  </si>
  <si>
    <t>FAP42500659</t>
  </si>
  <si>
    <t>Presun zariadenia A0 z pobočky BA na pobočku TT</t>
  </si>
  <si>
    <t>FAP42500660</t>
  </si>
  <si>
    <t xml:space="preserve">Podpora prevádzky, údržba a rozvoj informačného systému 06/2025 </t>
  </si>
  <si>
    <t>FAP42500661</t>
  </si>
  <si>
    <t>FAP42500662</t>
  </si>
  <si>
    <t>FAP42500663</t>
  </si>
  <si>
    <t>Poskytovanie služieb Multišport 7/2025</t>
  </si>
  <si>
    <t>FAP42500664</t>
  </si>
  <si>
    <t>Obstaranie zariadení, SLA, správa zar.  a aplikačné vybavenie - 06/2025</t>
  </si>
  <si>
    <t>FAP42500665</t>
  </si>
  <si>
    <t>Obstaranie zariadení, SLA, správa zar.  a aplikačné vybavenie - 06/2025 (na 100 prac. Staníc)</t>
  </si>
  <si>
    <t>FAP42500666</t>
  </si>
  <si>
    <t>Servisno - technická podpora 06/2025</t>
  </si>
  <si>
    <t>FAP42500667</t>
  </si>
  <si>
    <t>FAP42500668</t>
  </si>
  <si>
    <t>Inicializačná fáza zariadenia , 35 ks delimitovaných zariadení SSI do ÚÚPaV</t>
  </si>
  <si>
    <t>FAP42500670</t>
  </si>
  <si>
    <t>Dodanie kovových regálov pre RÚ Nitra</t>
  </si>
  <si>
    <t>FAP42500671</t>
  </si>
  <si>
    <t>Online odborný seminár  „Základná finančná kontrola elektronickou formou v roku 2025", pre 1 osobu (23.05.2025)</t>
  </si>
  <si>
    <t>FAP42500672</t>
  </si>
  <si>
    <t xml:space="preserve">Vyúčtovanie spotreby el. energie elektromerov 05/2025 </t>
  </si>
  <si>
    <t>FAP42500673</t>
  </si>
  <si>
    <t xml:space="preserve">Vyúčtovanie spotreby el. energie 05/2025 </t>
  </si>
  <si>
    <t>FAP42500674</t>
  </si>
  <si>
    <t>Monitoring médií 06/2025</t>
  </si>
  <si>
    <t>FAP42500675</t>
  </si>
  <si>
    <t>Zálohová platba za náklady na energie 8/2025 RÚ Košice</t>
  </si>
  <si>
    <t>FAP42500676</t>
  </si>
  <si>
    <t>Poplatok za správu budovy 8/2025  RÚ Košice</t>
  </si>
  <si>
    <t>FAP42500677</t>
  </si>
  <si>
    <t>Náj. za kanc.,skl. priestory, nájomné za park.miesta 8/2025 RÚ Košice</t>
  </si>
  <si>
    <t>FAP42500678</t>
  </si>
  <si>
    <t>K_CORP s.r.o.</t>
  </si>
  <si>
    <t>Radlinského 2231/20, 052 01 Spišská Nová Ves</t>
  </si>
  <si>
    <t xml:space="preserve">Odkup Výpočtovej techniky </t>
  </si>
  <si>
    <t>157_2023</t>
  </si>
  <si>
    <t>264814-1542025</t>
  </si>
  <si>
    <t>FAP42500679</t>
  </si>
  <si>
    <t>Dodanie rollup-ov (36 ks) a fotosteny</t>
  </si>
  <si>
    <t>FAP42500680</t>
  </si>
  <si>
    <t>Administratívny poplatk - Dieselagregát - Technology 70 Item 07/2025</t>
  </si>
  <si>
    <t>011/2025</t>
  </si>
  <si>
    <t>FAP42500681</t>
  </si>
  <si>
    <t>Paušálna suma za elek.energiu - dieselagregát-Technology 70Item x 12,50 EUR /Item/Month (Q3 2025)</t>
  </si>
  <si>
    <t>FAP42500682</t>
  </si>
  <si>
    <t>BOZP, OPP, PZS - 6/2025</t>
  </si>
  <si>
    <t>FAP42500683</t>
  </si>
  <si>
    <t>Oboznamovanie vedúcich ZC a ZC s BPZP, OPP, oboznámenie vodičov 6/2025</t>
  </si>
  <si>
    <t>FAP42500684</t>
  </si>
  <si>
    <t xml:space="preserve">Servisné práce podľa č. PO-250300011, migrácia servera SSI s modulmi IS GARIS </t>
  </si>
  <si>
    <t>FAP42500685</t>
  </si>
  <si>
    <t>Podpora ekonomických aplikácií 07/2025</t>
  </si>
  <si>
    <t>FAP42500686</t>
  </si>
  <si>
    <t>Prevádzkový servis k aplikácii Mzdy 07/2025 (SSI)</t>
  </si>
  <si>
    <t>FAP42500687</t>
  </si>
  <si>
    <t>Telefóny, internet za 06/2025 RÚ a ústredie</t>
  </si>
  <si>
    <t>FAP42500688</t>
  </si>
  <si>
    <t>FAP42500689</t>
  </si>
  <si>
    <t>Kancelárske potreby</t>
  </si>
  <si>
    <t>123/2025</t>
  </si>
  <si>
    <t>FAP42500690</t>
  </si>
  <si>
    <t>Prezutie 5 ks služobných motorových vozidiel</t>
  </si>
  <si>
    <t>FAP42500691</t>
  </si>
  <si>
    <t>Stravovacia karta 6/2025, 594 ks</t>
  </si>
  <si>
    <t>FAP42500692</t>
  </si>
  <si>
    <t>DOT.espressobar s.r.o.</t>
  </si>
  <si>
    <t>Jakubovo námestie 2556/3, 811 09 Bratislava</t>
  </si>
  <si>
    <t>zabezpečenie cateringu pre workshop na 25.6.2025</t>
  </si>
  <si>
    <t>FAP42500693</t>
  </si>
  <si>
    <t>FAP42500694</t>
  </si>
  <si>
    <t>Služby internej VoIP 06/2025 - pobočka Prešov (vice LINK3000+)</t>
  </si>
  <si>
    <t>FAP42500695</t>
  </si>
  <si>
    <t xml:space="preserve">Služby internej VoIP 06/2025 - pobočka Bratislava (vice LINK3000+) </t>
  </si>
  <si>
    <t>FAP42500696</t>
  </si>
  <si>
    <t>Služby internej VoIP 06/2025 - pobočka Košice (vice LINK3000+)</t>
  </si>
  <si>
    <t>FAP42500697</t>
  </si>
  <si>
    <t xml:space="preserve">Služby internej VoIP 06/2025 - ústredie (vice LINK3000+) </t>
  </si>
  <si>
    <t>FAP42500698</t>
  </si>
  <si>
    <t>Služby internej VoIP 06/2025 - pobočka Trnava (vice LINK3000+)</t>
  </si>
  <si>
    <t>FAP42500699</t>
  </si>
  <si>
    <t>Služby internej VoIP 06/2025 - pobočka BB (vice LINK3000+)</t>
  </si>
  <si>
    <t>FAP42500700</t>
  </si>
  <si>
    <t>Služby internej VoIP 06/2025 - pobočka Nitra (vice LINK3000+)</t>
  </si>
  <si>
    <t>FAP42500701</t>
  </si>
  <si>
    <t>Služby internej VoIP 06/2025 - pobočka Žilina (vice LINK3000+)</t>
  </si>
  <si>
    <t>FAP42500702</t>
  </si>
  <si>
    <t>Služby internej VoIP 06/2025 - pobočka Trenčín (vice LINK3000+)</t>
  </si>
  <si>
    <t>FAP42500703</t>
  </si>
  <si>
    <t>Zabezpečenie organizácie kurzu odbornej prípravy zamestnancov a catering v termíne 23.-27.06.2025</t>
  </si>
  <si>
    <t>FAP42500704</t>
  </si>
  <si>
    <t>Poštové služby 6/2025 RÚ Trenčín</t>
  </si>
  <si>
    <t>FAP42500705</t>
  </si>
  <si>
    <t>Poštové služby 6/2025  RÚ Prešov</t>
  </si>
  <si>
    <t>FAP42500706</t>
  </si>
  <si>
    <t>Poštové služby 6/2025 RÚ Žilina</t>
  </si>
  <si>
    <t>FAP42500707</t>
  </si>
  <si>
    <t>Poštové služby 6/2025 RÚ Trnava</t>
  </si>
  <si>
    <t>FAP42500708</t>
  </si>
  <si>
    <t>Poštové služby 6/2025 RÚ BA</t>
  </si>
  <si>
    <t>FAP42500709</t>
  </si>
  <si>
    <t>Poštové služby 6/2025 RÚ Košice</t>
  </si>
  <si>
    <t>FAP42500710</t>
  </si>
  <si>
    <t>Poštové služby 6/2025 RÚ Banská Bystrica</t>
  </si>
  <si>
    <t>FAP42500711</t>
  </si>
  <si>
    <t>Privátna dátová sieť 06/2025 RÚ Žilina</t>
  </si>
  <si>
    <t>FAP42500712</t>
  </si>
  <si>
    <t>Privátna dátová sieť 06/2025 ústredie</t>
  </si>
  <si>
    <t>FAP42500713</t>
  </si>
  <si>
    <t>Privátna dátová sieť 06/2025 pobočka Bratislava</t>
  </si>
  <si>
    <t>FAP42500714</t>
  </si>
  <si>
    <t>Privátna dátová sieť 06/2025 RÚ Košice</t>
  </si>
  <si>
    <t>FAP42500715</t>
  </si>
  <si>
    <t>Privátna dátová sieť 06/2025 RÚ Banská Bystrica</t>
  </si>
  <si>
    <t>FAP42500716</t>
  </si>
  <si>
    <t>Privátna dátová sieť 06/2025 RÚ Nitra</t>
  </si>
  <si>
    <t>FAP42500717</t>
  </si>
  <si>
    <t>Privátna dátová sieť 06/2025 RU Trnava</t>
  </si>
  <si>
    <t>FAP42500718</t>
  </si>
  <si>
    <t>Privátna dátová sieť 06/2025 RÚ Prešov</t>
  </si>
  <si>
    <t>FAP42500719</t>
  </si>
  <si>
    <t>Privátna dátová sieť 06/2025 RÚ Trenčín</t>
  </si>
  <si>
    <t>FAP42500720</t>
  </si>
  <si>
    <t>Privátna dátová sieť 06/2025 serverovňa 2PP</t>
  </si>
  <si>
    <t>FAP42500721</t>
  </si>
  <si>
    <t>FAP42500722</t>
  </si>
  <si>
    <t>Dodávka a podpora Licencii IBM Qradar</t>
  </si>
  <si>
    <t>131/2025</t>
  </si>
  <si>
    <t>FAP42500723</t>
  </si>
  <si>
    <t>Ing. Tomáš Gróf</t>
  </si>
  <si>
    <t>Tajovského 3/A, 010 01 Žilina</t>
  </si>
  <si>
    <t>vzdelávacia aktivita: manažérské školenie "Tímová spolupráca " v termíne 10.-11.07.2025, pre 20 osôb</t>
  </si>
  <si>
    <t>FAP42500724</t>
  </si>
  <si>
    <t>Spotreba energie 6/2025</t>
  </si>
  <si>
    <t>FAP42500725</t>
  </si>
  <si>
    <t>Poplatok za dátové prostredie a poplatok za využívanie aplikácií Vema Cloud 07-09/2025</t>
  </si>
  <si>
    <t>044_2023, Dodatok č.4</t>
  </si>
  <si>
    <t>FAP42500726</t>
  </si>
  <si>
    <t>Spotreba energie, el., vodné-stočné 06/25</t>
  </si>
  <si>
    <t>FAP42500727</t>
  </si>
  <si>
    <t>Národná agentúra pre sieťové a elektronické služby</t>
  </si>
  <si>
    <t>Kollárova 543/8, 917 01 Trnava</t>
  </si>
  <si>
    <t xml:space="preserve">administratívny poplatok </t>
  </si>
  <si>
    <t>FAP42500728</t>
  </si>
  <si>
    <t>kvalifikovaný elek. Podpis s mandátnym certifikátom - RÚ Trenčín</t>
  </si>
  <si>
    <t> </t>
  </si>
  <si>
    <t>FAP42500731</t>
  </si>
  <si>
    <t>Poplatky za služby - vyúčtovanie I.polrok 2025</t>
  </si>
  <si>
    <t>FAP42500732</t>
  </si>
  <si>
    <t>servisná služba: výmena zadných bŕzd na vozidle značky Škoda AA290DU</t>
  </si>
  <si>
    <t>FAP42500733</t>
  </si>
  <si>
    <t>Služby expertnej technickej podpory 06/2025</t>
  </si>
  <si>
    <t>FAP42500734</t>
  </si>
  <si>
    <t>Macrosoft s.r.o.</t>
  </si>
  <si>
    <t>Štefánikova 47, 811 04 Bratislava</t>
  </si>
  <si>
    <t>Kurz- Asertívna komunikácia (1 osoba)</t>
  </si>
  <si>
    <t>FAP42500735</t>
  </si>
  <si>
    <t>hlavičkový papier A4 (počet kusov: 100);</t>
  </si>
  <si>
    <t>FAP42500737</t>
  </si>
  <si>
    <t>Spotreba energie chladenie, kúrenie, vzduchotechnika 06/2025 - RÚ Banská Bystrica</t>
  </si>
  <si>
    <t>FAP42500738</t>
  </si>
  <si>
    <t>Nájomné a prevádzkové náklady za pobočku TT, 8/2025</t>
  </si>
  <si>
    <t>FAP42500739</t>
  </si>
  <si>
    <t>Poštové služby 6/2025 RÚ Nitra</t>
  </si>
  <si>
    <t>FAP42500740</t>
  </si>
  <si>
    <t>FAP42500741</t>
  </si>
  <si>
    <t>vzdelávacia aktivita: ,,Zákon o slobode informácií v aplikačnej praxi" pre 4 osoby (18.7.2025)</t>
  </si>
  <si>
    <t>FAP42500742</t>
  </si>
  <si>
    <t>ITS - Elektrik, s.r.o.</t>
  </si>
  <si>
    <t>Liptovská 173/2, 903 01 Senec</t>
  </si>
  <si>
    <t>Revízia a kontrola elekt. spotrebičov</t>
  </si>
  <si>
    <t>010/2025</t>
  </si>
  <si>
    <t>FAP42500743</t>
  </si>
  <si>
    <t>Datacomp s.r.o.</t>
  </si>
  <si>
    <t>Moldavská cesta 2415/49, 040 11 Košice</t>
  </si>
  <si>
    <t>Notebook Lenovo IdeaPad Slim 3 15IRH8 s predĺženou zárukou +3 roky</t>
  </si>
  <si>
    <t>FAP42500744</t>
  </si>
  <si>
    <t>DREMONT  spol. s r.o.</t>
  </si>
  <si>
    <t>Kancelársky nábytok pre RÚ Nitra, Prešov, Bratislava, Žilina</t>
  </si>
  <si>
    <t>0512025,1212025,1332025,1462025,2012025</t>
  </si>
  <si>
    <t>FAP42500745</t>
  </si>
  <si>
    <t>Ing. Igor Škrobánek - O.P.C.D.</t>
  </si>
  <si>
    <t>Na Skotňu 471/54, Teplička nad Váhom 013 01</t>
  </si>
  <si>
    <t>Úradné meranie prevádzkovej spotreby paliva na služobných mot. vozidiel v zmysle Smernice č. 4/2025</t>
  </si>
  <si>
    <t>FAP42500746</t>
  </si>
  <si>
    <t>Pod Lipou, s.r.o.</t>
  </si>
  <si>
    <t>Gorazdova 34,811 04 Bratislava</t>
  </si>
  <si>
    <t>Workshop úradu - školenie tímová spolupráca a ubytovanie zamestnancov úradu v termíne 10.-11.7.2025</t>
  </si>
  <si>
    <t>FAP42500747</t>
  </si>
  <si>
    <t>FAP42500748</t>
  </si>
  <si>
    <t>Servisná služba: odťah, diagnostika a výmena 1ks autobatérie BA986UP - RÚ BB</t>
  </si>
  <si>
    <t>FAP42500749</t>
  </si>
  <si>
    <t>Nájom motorových vozidiel 07/2025 (EVČ: AA321JT)</t>
  </si>
  <si>
    <t>FAP42500750</t>
  </si>
  <si>
    <t>Nájom motorových vozidiel 07/2025 (EVČ: AA323JT)</t>
  </si>
  <si>
    <t>FAP42500751</t>
  </si>
  <si>
    <t>Nájom motorových vozidiel 07/2025 (EVČ: AA451PP)</t>
  </si>
  <si>
    <t>FAP42500752</t>
  </si>
  <si>
    <t>Nájom motorových vozidiel 07/2025 (EVČ: AA327JT)</t>
  </si>
  <si>
    <t>FAP42500753</t>
  </si>
  <si>
    <t>Nájom motorových vozidiel 07/2025 (EVČ: AA324JT)</t>
  </si>
  <si>
    <t>FAP42500754</t>
  </si>
  <si>
    <t>Nájom motorových vozidiel 07/2025 (EVČ: AA325JT)</t>
  </si>
  <si>
    <t>FAP42500755</t>
  </si>
  <si>
    <t>Nájom motorových vozidiel 07/2025 (EVČ: AA530KM)</t>
  </si>
  <si>
    <t>FAP42500756</t>
  </si>
  <si>
    <t>Nájom motorových vozidiel 07/2025 (EVČ: AA326JT)</t>
  </si>
  <si>
    <t>FAP42500757</t>
  </si>
  <si>
    <t>Servisná služba:  výmena tesnenia dverí BMW BT616IL</t>
  </si>
  <si>
    <t>FAP42500758</t>
  </si>
  <si>
    <t>Spotreba energie chladenie, kúrenie, vzduchotechnika 04/2025 - RÚ Banská Bystrica</t>
  </si>
  <si>
    <t>FAP42500759</t>
  </si>
  <si>
    <t>Servisná služba:  výmena oleja a filtrov AA184BT</t>
  </si>
  <si>
    <t>FAP42500761</t>
  </si>
  <si>
    <t>Náklady za energie a služby 9/2025 (opakované plnenie)</t>
  </si>
  <si>
    <t>FAP42500762</t>
  </si>
  <si>
    <t>Nájomné za skladovacie a parkovacie priestory za 9/2025</t>
  </si>
  <si>
    <t>FAP42500763</t>
  </si>
  <si>
    <t>Spoločné prevádzkové náklady 9/2025 RÚ BB</t>
  </si>
  <si>
    <t>FAP42500764</t>
  </si>
  <si>
    <t>Nájomné parking 9/2025 RÚ BB</t>
  </si>
  <si>
    <t>FAP42500765</t>
  </si>
  <si>
    <t>Nájomné kanc., nájomné technológie 9/2025 RÚ BB</t>
  </si>
  <si>
    <t>FAP42500766</t>
  </si>
  <si>
    <t>Servisný poplatok - Elektronická úradná tabuľa 9/2025 RÚ BB</t>
  </si>
  <si>
    <t>FAP42500767</t>
  </si>
  <si>
    <t>Náklady na energie a služby 9/2025 RÚ Nitra</t>
  </si>
  <si>
    <t>FAP42500768</t>
  </si>
  <si>
    <t>Nájomné za parkovacie miesta  9/2025 RÚ Nitra</t>
  </si>
  <si>
    <t>FAP42500769</t>
  </si>
  <si>
    <t>Nájomné za kanc., ostatné admin. , zdieľané priest. 09/2025 RÚ Nitra</t>
  </si>
  <si>
    <t>FAP42500770</t>
  </si>
  <si>
    <t>Paušál ochrana majetku za obdobie 01.08.2025-31.08.2025, 0905507381 (Trenčín)</t>
  </si>
  <si>
    <t>FAP42500771</t>
  </si>
  <si>
    <t>Paušál ochrana majetku za obdobie 01.08.2025-31.08.2025, 0918651528 (Žilina)</t>
  </si>
  <si>
    <t>FAP42500772</t>
  </si>
  <si>
    <t xml:space="preserve">Služby spojené s používaním  tlačiarenského zariadenia 07/2025  centrála a RÚ </t>
  </si>
  <si>
    <t>FAP42500773</t>
  </si>
  <si>
    <t>Pravidelný paušálny poplatok za služby Bezpečnostného centra 7/2025</t>
  </si>
  <si>
    <t>005/2025, dodatok č. 1</t>
  </si>
  <si>
    <t>FAP42500774</t>
  </si>
  <si>
    <t xml:space="preserve">Poskytnutie IT služieb Workplace Management 6/2025 </t>
  </si>
  <si>
    <t>063_2023</t>
  </si>
  <si>
    <t>FAP42500775</t>
  </si>
  <si>
    <t>Právne služby 07/2025</t>
  </si>
  <si>
    <t>029_2022, Dod.č. 1, č.2</t>
  </si>
  <si>
    <t>FAP42500776</t>
  </si>
  <si>
    <t>Aktualiz. a monitorovanie web stránky UPPaV 07/2025</t>
  </si>
  <si>
    <t>FAP42500777</t>
  </si>
  <si>
    <t xml:space="preserve">Nájomné - informačná tabuľa 09/2025 </t>
  </si>
  <si>
    <t>FAP42500778</t>
  </si>
  <si>
    <t>Oboznamovanie vedúcich ZC a ZC s BPZP, OPP, oboznámenie vodičov 7/2025</t>
  </si>
  <si>
    <t>FAP42500780</t>
  </si>
  <si>
    <t>Karadžičova 8, 821 08 Bratislava - Ružinov</t>
  </si>
  <si>
    <t>2 ks nabíjací kábel pre elektromobily, doprava</t>
  </si>
  <si>
    <t>FAP42500781</t>
  </si>
  <si>
    <t>1 x predplatné balika Profesional inf. Syst. TRANSPAREX na 24 mesiacov</t>
  </si>
  <si>
    <t>FAP42500782</t>
  </si>
  <si>
    <t>PHM, umytie auta, servis a údržba 07/25</t>
  </si>
  <si>
    <t>FAP42500783</t>
  </si>
  <si>
    <t>Servisná služba:  diagnostika a nastavenie ručnej brzdy Suzuki SK4 BL714ER</t>
  </si>
  <si>
    <t>FAP42500784</t>
  </si>
  <si>
    <t>Obstaranie zariadení, SLA, správa zar.  a aplikačné vybavenie - 07/2025 delimitované SSI</t>
  </si>
  <si>
    <t>FAP42500785</t>
  </si>
  <si>
    <t>Obstaranie zariadení, SLA, správa zar.  a aplikačné vybavenie - 07/2025 (na 100 prac. Staníc)</t>
  </si>
  <si>
    <t>FAP42500786</t>
  </si>
  <si>
    <t xml:space="preserve">Inicializačná fáza zariadenia , 24 ks </t>
  </si>
  <si>
    <t>FAP42500787</t>
  </si>
  <si>
    <t>Servisno - technická podpora 07/2025</t>
  </si>
  <si>
    <t>FAP42500788</t>
  </si>
  <si>
    <t>Poskytovanie užívateľských prístupov k právnemu infor. systému 07/2025</t>
  </si>
  <si>
    <t>FAP42500789</t>
  </si>
  <si>
    <t>Elektrická energia, plyn, voda a služby 9/2025</t>
  </si>
  <si>
    <t>FAP42500790</t>
  </si>
  <si>
    <t>Nájomné za kancelárie a parkovacie miesta 9/2025</t>
  </si>
  <si>
    <t>FAP42500791</t>
  </si>
  <si>
    <t>Poskytovanie služieb Multišport 8/2025</t>
  </si>
  <si>
    <t>FAP42500792</t>
  </si>
  <si>
    <t>Telefóny, internet za 07/2025 RÚ a ústredie</t>
  </si>
  <si>
    <t>FAP42500793</t>
  </si>
  <si>
    <t>Zálohová platba za náklady na energie 9/2025 RÚ Košice</t>
  </si>
  <si>
    <t>FAP42500794</t>
  </si>
  <si>
    <t>Poplatok za správu budovy 9/2025  RÚ Košice</t>
  </si>
  <si>
    <t>FAP42500795</t>
  </si>
  <si>
    <t>Náj. za kanc.,skl. priestory, nájomné za park.miesta 9/2025 RÚ Košice</t>
  </si>
  <si>
    <t>FAP42500796</t>
  </si>
  <si>
    <t xml:space="preserve">Vyúčtovanie spotreby el. energie elektromerov 06/2025 </t>
  </si>
  <si>
    <t>FAP42500797</t>
  </si>
  <si>
    <t>Prevádzkový servis k aplikácii Mzdy 08/2025 (SSI)</t>
  </si>
  <si>
    <t>FAP42500798</t>
  </si>
  <si>
    <t>SB SYSTÉM, s.r.o.</t>
  </si>
  <si>
    <t>Východná 16, 08001 Prešov</t>
  </si>
  <si>
    <t>Dodávka a montáž elektr. zabezp. Systému EZS - RÚ Prešov</t>
  </si>
  <si>
    <t>FAP42500799</t>
  </si>
  <si>
    <t>Import prevodných príkazov - DOTACIA - dávková platba</t>
  </si>
  <si>
    <t>FAP42500800</t>
  </si>
  <si>
    <t>BOZP, OPP, PZS - 7/2025</t>
  </si>
  <si>
    <t>FAP42500801</t>
  </si>
  <si>
    <t xml:space="preserve">Podpora prevádzky, údržba a rozvoj informačného systému 07/2025 </t>
  </si>
  <si>
    <t>FAP42500802</t>
  </si>
  <si>
    <t>Rozšírenie exist.aplikačného riešenia pre IT helpdesk (analýza, návrh, implementácia, konfigurácia, realizácia, úvodné školenie používateľov a technická podpora) 2. Balík</t>
  </si>
  <si>
    <t>FAP42500803</t>
  </si>
  <si>
    <t>Podpora ekonomických aplikácií 08/2025</t>
  </si>
  <si>
    <t>FAP42500804</t>
  </si>
  <si>
    <t>Monitoring médií 07/2025</t>
  </si>
  <si>
    <t>FAP42500805</t>
  </si>
  <si>
    <t xml:space="preserve">Poštové služby  (podaj zásielok) 07/2025 </t>
  </si>
  <si>
    <t>FAP42500806</t>
  </si>
  <si>
    <t xml:space="preserve">Poštové služby 7/2025 RÚ </t>
  </si>
  <si>
    <t>FAP42500808</t>
  </si>
  <si>
    <t>Kollárova 543/8 , 917 02 Trnava</t>
  </si>
  <si>
    <t xml:space="preserve">Poskytnutie IT služieb Workplace Management 7/2025 </t>
  </si>
  <si>
    <t>FAP42500809</t>
  </si>
  <si>
    <t>Privátna dátová sieť 07/2025 RÚ Trenčín</t>
  </si>
  <si>
    <t>FAP42500810</t>
  </si>
  <si>
    <t>Privátna dátová sieť 07/2025 RÚ Žilina</t>
  </si>
  <si>
    <t>FAP42500811</t>
  </si>
  <si>
    <t>Privátna dátová sieť 07/2025 ústredie Bratislava</t>
  </si>
  <si>
    <t>FAP42500812</t>
  </si>
  <si>
    <t>Privátna dátová sieť 07/2025 pobočka Bratislava</t>
  </si>
  <si>
    <t>FAP42500813</t>
  </si>
  <si>
    <t>Privátna dátová sieť 07/2025 RÚ Košice</t>
  </si>
  <si>
    <t>FAP42500814</t>
  </si>
  <si>
    <t>Privátna dátová sieť 07/2025 RÚ Banská Bystrica</t>
  </si>
  <si>
    <t>FAP42500815</t>
  </si>
  <si>
    <t>Privátna dátová sieť 07/2025 RÚ Nitra</t>
  </si>
  <si>
    <t>FAP42500816</t>
  </si>
  <si>
    <t>Privátna dátová sieť 07/2025 RU Trnava</t>
  </si>
  <si>
    <t>FAP42500817</t>
  </si>
  <si>
    <t>Privátna dátová sieť 07/2025 RÚ Prešov</t>
  </si>
  <si>
    <t>FAP42500818</t>
  </si>
  <si>
    <t>Privátna dátová sieť 07/2025 serverovňa 2PP</t>
  </si>
  <si>
    <t>FAP42500819</t>
  </si>
  <si>
    <t>Služby internej VoIP 07/2025 - pobočka Prešov (vice LINK3000+)</t>
  </si>
  <si>
    <t>FAP42500820</t>
  </si>
  <si>
    <t xml:space="preserve">Služby internej VoIP 07/2025 - pobočka Bratislava (vice LINK3000+) </t>
  </si>
  <si>
    <t>FAP42500821</t>
  </si>
  <si>
    <t>Služby internej VoIP 07/2025 - pobočka Košice (vice LINK3000+)</t>
  </si>
  <si>
    <t>FAP42500822</t>
  </si>
  <si>
    <t xml:space="preserve">Služby internej VoIP 07/2025 - ústredie (vice LINK3000+) </t>
  </si>
  <si>
    <t>FAP42500823</t>
  </si>
  <si>
    <t>Služby internej VoIP 07/2025 - pobočka Trnava (vice LINK3000+)</t>
  </si>
  <si>
    <t>FAP42500824</t>
  </si>
  <si>
    <t>Služby internej VoIP 07/2025 - pobočka BB (vice LINK3000+)</t>
  </si>
  <si>
    <t>FAP42500825</t>
  </si>
  <si>
    <t>Služby internej VoIP 07/2025 - pobočka Nitra (vice LINK3000+)</t>
  </si>
  <si>
    <t>FAP42500826</t>
  </si>
  <si>
    <t>Služby internej VoIP 07/2025 - pobočka Žilina (vice LINK3000+)</t>
  </si>
  <si>
    <t>FAP42500827</t>
  </si>
  <si>
    <t>Služby internej VoIP 07/2025 - pobočka Trenčín (vice LINK3000+)</t>
  </si>
  <si>
    <t>FAP42500828</t>
  </si>
  <si>
    <t>Stravovacia karta 7/2025, 741 ks</t>
  </si>
  <si>
    <t>133/2025</t>
  </si>
  <si>
    <t>FAP42500829</t>
  </si>
  <si>
    <t>Spotreba energie, el., vodné-stočné 07/25</t>
  </si>
  <si>
    <t>FAP42500830</t>
  </si>
  <si>
    <t>Spotreba energie chladenie, kúrenie, vzduchotechnika 07/2025 - RÚ Banská Bystrica</t>
  </si>
  <si>
    <t>FAP42500831</t>
  </si>
  <si>
    <t>Kancelársky nábytok pre RÚ Trenčín, Nitra</t>
  </si>
  <si>
    <t>1462025, 2012025</t>
  </si>
  <si>
    <t>FAP42500832</t>
  </si>
  <si>
    <t>Nájomné a prevádzkové náklady za pobočku TT, 9/2025</t>
  </si>
  <si>
    <t>FAP42500833</t>
  </si>
  <si>
    <t>REMPO, s.r.o.</t>
  </si>
  <si>
    <t>Stará Vajnorská 19, 83245 Bratislava</t>
  </si>
  <si>
    <t>Nákup ochrannných prostriedkov pre zamestnancov ÚÚPaV SR a RÚ</t>
  </si>
  <si>
    <t>125/2025</t>
  </si>
  <si>
    <t>FAP42500834</t>
  </si>
  <si>
    <t>Spotreba energie 7/2025</t>
  </si>
  <si>
    <t>FAP42500835</t>
  </si>
  <si>
    <t xml:space="preserve">Vyúčtovanie spotreby el. energie  06/2025 </t>
  </si>
  <si>
    <t>FAP42500836</t>
  </si>
  <si>
    <t>FAP42500838</t>
  </si>
  <si>
    <t>Ústredie práce, sociálnych vecí a rodiny</t>
  </si>
  <si>
    <t>Štefánikova 88, 949 01 Nitra</t>
  </si>
  <si>
    <t>Energie a služby za 03/2025 (SSI)</t>
  </si>
  <si>
    <t>124/116/2025</t>
  </si>
  <si>
    <t>FAP42500839</t>
  </si>
  <si>
    <t>Webmaxx Slovakia s.r.o.</t>
  </si>
  <si>
    <t>Družstevný rad 958/10</t>
  </si>
  <si>
    <t>Terminály k CES na zabezpečenie označenia majetku a inventarizacie</t>
  </si>
  <si>
    <t>FAP42500841</t>
  </si>
  <si>
    <t>Ministerstvo obrany SR</t>
  </si>
  <si>
    <t>Ul. Čapajevova 38, 080 01 Prešov</t>
  </si>
  <si>
    <t>Dodávka el. energie 3/2025 (SSI)</t>
  </si>
  <si>
    <t>FAP42500842</t>
  </si>
  <si>
    <t>Vodné a stočné za 03/2025 (SSI)</t>
  </si>
  <si>
    <t>KE110/2021/1007004-Vzp</t>
  </si>
  <si>
    <t>FAP42500880</t>
  </si>
  <si>
    <t>Ministerstvo dopravy</t>
  </si>
  <si>
    <t>Námestie slobody 2902/6, 810 05 Bratislava - Staré Mesto</t>
  </si>
  <si>
    <t>El.energa, vodné-stočné, opravy, upratovanie, kom.odpad 01/25 (SSI)</t>
  </si>
  <si>
    <t>898/D930/2020</t>
  </si>
  <si>
    <t>FAP42500881</t>
  </si>
  <si>
    <t>El.energa, vodné-stočné, opravy, upratovanie, kom.odpad 02/25 (SSI)</t>
  </si>
  <si>
    <t>FAP42500882</t>
  </si>
  <si>
    <t>El.energa, vodné-stočné, opravy, upratovanie, kom.odpad 03/25 (SSI)</t>
  </si>
  <si>
    <t>FAP42500883</t>
  </si>
  <si>
    <t>Tele. služby 01/2025 refund (SSI)</t>
  </si>
  <si>
    <t>FAP42500884</t>
  </si>
  <si>
    <t>Tele. služby 02/2025 refund (SSI)</t>
  </si>
  <si>
    <t>FAP42500885</t>
  </si>
  <si>
    <t>Tele. služby 03/2025 refund (SSI)</t>
  </si>
  <si>
    <t>FAP42500886</t>
  </si>
  <si>
    <t>El.energa, vodné-stočné, opravy, upratovanie, kom.odpad 04/25 (SSI)</t>
  </si>
  <si>
    <t>FAP42500887</t>
  </si>
  <si>
    <t>El.energa, vodné-stočné, opravy, upratovanie, kom.odpad 05/25 (SSI)</t>
  </si>
  <si>
    <t>FAP42500888</t>
  </si>
  <si>
    <t>Tele. služby 04/2025 refund (SSI)</t>
  </si>
  <si>
    <t>FAP42500889</t>
  </si>
  <si>
    <t>El.energa, vodné-stočné, opravy, upratovanie, kom.odpad 06/25 (SSI)</t>
  </si>
  <si>
    <t>FAP42500890</t>
  </si>
  <si>
    <t>El.energa, vodné-stočné, opravy, upratovanie, kom.odpad 07/25 (SSI)</t>
  </si>
  <si>
    <t>FAP42500891</t>
  </si>
  <si>
    <t>Tele. služby 06/2025 refund (SSI)</t>
  </si>
  <si>
    <t>FAP42500892</t>
  </si>
  <si>
    <t>Tele. služby 05/2025 refund (SSI)</t>
  </si>
  <si>
    <t>FAP42500894</t>
  </si>
  <si>
    <t>Tele. služby 07/2025 refund (SSI)</t>
  </si>
  <si>
    <t>FAP42500895</t>
  </si>
  <si>
    <t>Kancelársky nábytok pre RÚ Žilina</t>
  </si>
  <si>
    <t>1942025, 2082025</t>
  </si>
  <si>
    <t>FAP42500896</t>
  </si>
  <si>
    <t>FAP42500897</t>
  </si>
  <si>
    <t>kvalifikovaný elek. Podpis s mandátnym certifikátom - RÚ Žilina</t>
  </si>
  <si>
    <t>FAP42500898</t>
  </si>
  <si>
    <t>Nákup ochrannných prostriedkov pre zamestnancov ÚÚPaV SR a RÚ (reflexná bunda softshell 12ks)</t>
  </si>
  <si>
    <t>FAP42500899</t>
  </si>
  <si>
    <t>Polročná kontrola SHZ 8 mesiac 2025</t>
  </si>
  <si>
    <t>FAP42500900</t>
  </si>
  <si>
    <t>Aktualiz. a monitorovanie web stránky UPPaV 08/2025</t>
  </si>
  <si>
    <t>FAP42500901</t>
  </si>
  <si>
    <t xml:space="preserve">Nájomné - informačná tabuľa 10/2025 </t>
  </si>
  <si>
    <t>FAP42500902</t>
  </si>
  <si>
    <t>Dodávka a spustenie služby na hlásenie narušenia objektu - RÚ Prešov</t>
  </si>
  <si>
    <t>FAP42500903</t>
  </si>
  <si>
    <t>Náklady za energie a služby 10/2025 (opakované plnenie)</t>
  </si>
  <si>
    <t>FAP42500904</t>
  </si>
  <si>
    <t>Pravidelný paušálny poplatok za služby Bezpečnostného centra 8/2025</t>
  </si>
  <si>
    <t>FAP42500905</t>
  </si>
  <si>
    <t>Nájomné za skladovacie a parkovacie priestory za 10/2025</t>
  </si>
  <si>
    <t>FAP42500906</t>
  </si>
  <si>
    <t>Náklady na energie a služby 10/2025 RÚ Nitra</t>
  </si>
  <si>
    <t>FAP42500907</t>
  </si>
  <si>
    <t>Nájomné za kanc., ostatné admin. , zdieľané priest. 10/2025 RÚ Nitra</t>
  </si>
  <si>
    <t>FAP42500908</t>
  </si>
  <si>
    <t>Nájomné za parkovacie miesta  10/2025 RÚ Nitra</t>
  </si>
  <si>
    <t>FAP42500909</t>
  </si>
  <si>
    <t>Servisný poplatok - Elektronická úradná tabuľa ( október 2025) RÚ BB</t>
  </si>
  <si>
    <t>214_2023, dodatok č. 2</t>
  </si>
  <si>
    <t>FAP42500910</t>
  </si>
  <si>
    <t>Nájomné parking 10/2025 RÚ BB</t>
  </si>
  <si>
    <t>FAP42500911</t>
  </si>
  <si>
    <t>Nájomné kanc., nájomné technológie 10/2025 RÚ BB</t>
  </si>
  <si>
    <t>FAP42500912</t>
  </si>
  <si>
    <t>Spoločné prevádzkové náklady 10/2025 RÚ BB</t>
  </si>
  <si>
    <t>FAP42500913</t>
  </si>
  <si>
    <t>Právne služby 08/2025</t>
  </si>
  <si>
    <t>FAP42500914</t>
  </si>
  <si>
    <t>Paušál ochrana majetku za obdobie 15.08.2025-30.09.2025, 0905428145 ( RÚ Prešov)</t>
  </si>
  <si>
    <t>FAP42500915</t>
  </si>
  <si>
    <t>Paušál ochrana majetku za obdobie 01.09.2025-30.09.2025, 0905507381 (Trenčín)</t>
  </si>
  <si>
    <t>FAP42500916</t>
  </si>
  <si>
    <t>Paušál ochrana majetku za obdobie 01.09.2025-30.09.2025, 0918651528 (Žilina)</t>
  </si>
  <si>
    <t>FAP42500917</t>
  </si>
  <si>
    <t>Nájom motorových vozidiel 08/2025 (EVČ: AA530KM)</t>
  </si>
  <si>
    <t>FAP42500918</t>
  </si>
  <si>
    <t>Nájom motorových vozidiel 08/2025 (EVČ: AA326JT)</t>
  </si>
  <si>
    <t>FAP42500919</t>
  </si>
  <si>
    <t>Nájom motorových vozidiel 08/2025 (EVČ: AA323JT)</t>
  </si>
  <si>
    <t>FAP42500920</t>
  </si>
  <si>
    <t>Nájom motorových vozidiel 08/2025 (EVČ: AA451PP)</t>
  </si>
  <si>
    <t>FAP42500921</t>
  </si>
  <si>
    <t>Nájom motorových vozidiel 08/2025 (EVČ: AA324JT)</t>
  </si>
  <si>
    <t>FAP42500922</t>
  </si>
  <si>
    <t>Nájom motorových vozidiel 08/2025 (EVČ: AA325JT)</t>
  </si>
  <si>
    <t>FAP42500923</t>
  </si>
  <si>
    <t>Nájom motorových vozidiel 08/2025 (EVČ: AA327JT)</t>
  </si>
  <si>
    <t>FAP42500924</t>
  </si>
  <si>
    <t>Nájom motorových vozidiel 08/2025 (EVČ: AA321JT)</t>
  </si>
  <si>
    <t>FAP42500925</t>
  </si>
  <si>
    <t>Poskytovanie užívateľských prístupov k právnemu infor. systému (01.08.2025 - 31.08.2025)</t>
  </si>
  <si>
    <t>FAP42500926</t>
  </si>
  <si>
    <t>Nuaktiv a.s.</t>
  </si>
  <si>
    <t>Penetračné testy</t>
  </si>
  <si>
    <t>083/2025</t>
  </si>
  <si>
    <t>FAP42500927</t>
  </si>
  <si>
    <t>Elektrická energia, plyn, voda a služby 10/2025</t>
  </si>
  <si>
    <t>FAP42500928</t>
  </si>
  <si>
    <t xml:space="preserve">Služby spojené s používaním  tlačiarenského zariadenia 08/2025  centrála a RÚ </t>
  </si>
  <si>
    <t>FAP42500929</t>
  </si>
  <si>
    <t>Nájomné za kancelárie a parkovacie miesta 10/2025</t>
  </si>
  <si>
    <t>FAP42500930</t>
  </si>
  <si>
    <t>Kancelárske kreslo - konferenčné kreslo do zasadačiek 6 ks - RÚ Žilina</t>
  </si>
  <si>
    <t>FAP42500931</t>
  </si>
  <si>
    <t xml:space="preserve">Podpora prevádzky, údržba a rozvoj informačného systému 08/2025 </t>
  </si>
  <si>
    <t>FAP42500932</t>
  </si>
  <si>
    <t>PHM, umytie auta, servis a údržba 0825</t>
  </si>
  <si>
    <t>FAP42500934</t>
  </si>
  <si>
    <t>PosAM, spol. s r.o.</t>
  </si>
  <si>
    <t>Pribinova 40, 81109 Bratislava</t>
  </si>
  <si>
    <t>USB tocken, Bielkova, Hajtrova</t>
  </si>
  <si>
    <t>FAP42500935</t>
  </si>
  <si>
    <t>Úrad pre normalizáciu, metrológiu a skúšobníctvo SR</t>
  </si>
  <si>
    <t>Štefanovičova 3</t>
  </si>
  <si>
    <t>STN-ONLINE predplatne 11.9.2025-10.9.2025</t>
  </si>
  <si>
    <t>FAP42500936</t>
  </si>
  <si>
    <t>Podpora ekonomických aplikácií 09/2025</t>
  </si>
  <si>
    <t>FAP42500937</t>
  </si>
  <si>
    <t>Poskytovanie služieb Multišport 9/2025</t>
  </si>
  <si>
    <t>FAP42500938</t>
  </si>
  <si>
    <t>Prevádzkový servis k aplikácii Mzdy 09/2025 (SSI)</t>
  </si>
  <si>
    <t>1/2010/SSI, Dod.č.14</t>
  </si>
  <si>
    <t>FAP42500939</t>
  </si>
  <si>
    <t>Monitoring médií 08/2025</t>
  </si>
  <si>
    <t>FAP42500940</t>
  </si>
  <si>
    <t>Servisno - technická podpora 08/2025</t>
  </si>
  <si>
    <t>FAP42500941</t>
  </si>
  <si>
    <t>Obstaranie zariadení, SLA, správa zar.  a aplikačné vybavenie - 08/2025 delimitované SSI</t>
  </si>
  <si>
    <t>FAP42500942</t>
  </si>
  <si>
    <t>Obstaranie zariadení, SLA, správa zar.  a aplikačné vybavenie - 08/2025 (na 100 prac. Staníc)</t>
  </si>
  <si>
    <t>FAP42500943</t>
  </si>
  <si>
    <t>Náj. za kanc.,skl. priestory, nájomné za park.miesta 10/2025 RÚ Košice</t>
  </si>
  <si>
    <t>FAP42500944</t>
  </si>
  <si>
    <t>Nájomné za parkovacie miesta  9,10/2025 RÚ Nitra</t>
  </si>
  <si>
    <t>208_2023, Dodatok č. 3</t>
  </si>
  <si>
    <t>FAP42500945</t>
  </si>
  <si>
    <t>Poplatok za správu budovy 10/2025  RÚ Košice</t>
  </si>
  <si>
    <t>FAP42500946</t>
  </si>
  <si>
    <t>Zálohová platba za náklady na energie 10/2025 RÚ Košice</t>
  </si>
  <si>
    <t>FAP42500947</t>
  </si>
  <si>
    <t xml:space="preserve">Odkup zariadení v zmysle zmluvy </t>
  </si>
  <si>
    <t>FAP42500948</t>
  </si>
  <si>
    <t>BOZP, OPP, oboznamovanie vodičov - 8/2025</t>
  </si>
  <si>
    <t>FAP42500949</t>
  </si>
  <si>
    <t>O2 Slovakia , s.r.o.</t>
  </si>
  <si>
    <t>Telefóny, internet za 08/2025 RÚ a ústredie</t>
  </si>
  <si>
    <t>136/2025</t>
  </si>
  <si>
    <t>FAP42500950</t>
  </si>
  <si>
    <t>BOZP, OPP, PZS - 8/2025</t>
  </si>
  <si>
    <t>FAP42500951</t>
  </si>
  <si>
    <t>FAP42500952</t>
  </si>
  <si>
    <t>Pevná zložka nájomného parkovacie priestory 9/2025</t>
  </si>
  <si>
    <t>212_2023 - dodatok č. 2</t>
  </si>
  <si>
    <t>FAP42500953</t>
  </si>
  <si>
    <t>Pevná zložka nájomného parkovacie priestory 10/2025</t>
  </si>
  <si>
    <t>FAP42500954</t>
  </si>
  <si>
    <t xml:space="preserve">Poštové služby 8/2025 RÚ </t>
  </si>
  <si>
    <t>FAP42500955</t>
  </si>
  <si>
    <t xml:space="preserve">Poštové služby  (podaj zásielok) 08/2025 </t>
  </si>
  <si>
    <t>FAP42500956</t>
  </si>
  <si>
    <t>Nákup ochrannných prostriedkov pre zamestnancov RÚ BA</t>
  </si>
  <si>
    <t>FAP42500957</t>
  </si>
  <si>
    <t>FAP42500958</t>
  </si>
  <si>
    <t xml:space="preserve">Vyúčtovanie spotreby el. energie elektromerov 07/2025 </t>
  </si>
  <si>
    <t>FAP42500959</t>
  </si>
  <si>
    <t xml:space="preserve">Vyúčtovanie spotreby el. energie  07/2025 </t>
  </si>
  <si>
    <t>FAP42500960</t>
  </si>
  <si>
    <t>Dodanie rezervné koleso + sada rezervného kolesa Škoda - AA290DU</t>
  </si>
  <si>
    <t>FAP42500961</t>
  </si>
  <si>
    <t>Servisná služba:  diagnostika a kontrola technického stavu - Škoda BA290KE</t>
  </si>
  <si>
    <t>FAP42500962</t>
  </si>
  <si>
    <t>Servisná služba:  diagnostika a kontrola technického stavu - Škoda BA128TM</t>
  </si>
  <si>
    <t>FAP42500964</t>
  </si>
  <si>
    <t>Stravovacia karta 8/2025, 654 ks</t>
  </si>
  <si>
    <t>FAP42500965</t>
  </si>
  <si>
    <t>Tomáš Gróf, s.r.o.</t>
  </si>
  <si>
    <t>vzdelávacia aktivita: manažérské školenie "Time management " v termíne 9.9.2025</t>
  </si>
  <si>
    <t>FAP42500966</t>
  </si>
  <si>
    <t>Doplnenie klimatizácie v polyfunkčnej budove RÚ Nitra</t>
  </si>
  <si>
    <t>FAP42500967</t>
  </si>
  <si>
    <t xml:space="preserve">Poskytnutie IT služieb Workplace Management 8/2025 </t>
  </si>
  <si>
    <t>FAP42500968</t>
  </si>
  <si>
    <t>Preddavky na vlastné energie 10-12/2025 - Žilina</t>
  </si>
  <si>
    <t>FAP42500969</t>
  </si>
  <si>
    <t>Služby internej VoIP 08/2025 - pobočka Trnava (vice LINK3000+)</t>
  </si>
  <si>
    <t>FAP42500970</t>
  </si>
  <si>
    <t>Nájomné nebytových priestorov 10-12/25 -Žilina</t>
  </si>
  <si>
    <t>FAP42500971</t>
  </si>
  <si>
    <t>Spotreba energie, el., vodné-stočné 08/25</t>
  </si>
  <si>
    <t>FAP42500972</t>
  </si>
  <si>
    <t>Nájom parkovacích miest 10-12/25 -Žilina</t>
  </si>
  <si>
    <t>FAP42500973</t>
  </si>
  <si>
    <t xml:space="preserve">Služby internej VoIP 08/2025 - ústredie (vice LINK3000+) </t>
  </si>
  <si>
    <t>FAP42500974</t>
  </si>
  <si>
    <t>Služby internej VoIP 08/2025 - pobočka Trenčín (vice LINK3000+)</t>
  </si>
  <si>
    <t>FAP42500975</t>
  </si>
  <si>
    <t>Spotreba energie 8/2025</t>
  </si>
  <si>
    <t>FAP42500976</t>
  </si>
  <si>
    <t>Služby internej VoIP 08/2025 - pobočka Žilina (vice LINK3000+)</t>
  </si>
  <si>
    <t>FAP42500977</t>
  </si>
  <si>
    <t>Služby internej VoIP 08/2025 - pobočka Nitra (vice LINK3000+)</t>
  </si>
  <si>
    <t>FAP42500978</t>
  </si>
  <si>
    <t>Služby internej VoIP 08/2025 - pobočka BB (vice LINK3000+)</t>
  </si>
  <si>
    <t>FAP42500979</t>
  </si>
  <si>
    <t>Služby internej VoIP 08/2025 - pobočka Prešov (vice LINK3000+)</t>
  </si>
  <si>
    <t>FAP42500980</t>
  </si>
  <si>
    <t>Služby internej VoIP 08/2025 - pobočka Košice (vice LINK3000+)</t>
  </si>
  <si>
    <t>FAP42500982</t>
  </si>
  <si>
    <t xml:space="preserve">Služby internej VoIP 08/2025 - pobočka Bratislava (vice LINK3000+) </t>
  </si>
  <si>
    <t>FAP42500983</t>
  </si>
  <si>
    <t>Privátna dátová sieť 08/2025 pobočka Bratislava</t>
  </si>
  <si>
    <t>FAP42500984</t>
  </si>
  <si>
    <t>Privátna dátová sieť 08/2025 ústredie Bratislava</t>
  </si>
  <si>
    <t>FAP42500985</t>
  </si>
  <si>
    <t>Privátna dátová sieť 08/2025 serverovňa 2PP</t>
  </si>
  <si>
    <t>FAP42500986</t>
  </si>
  <si>
    <t>Privátna dátová sieť 08/2025 RÚ Banská Bystrica</t>
  </si>
  <si>
    <t>FAP42500987</t>
  </si>
  <si>
    <t>Privátna dátová sieť 08/2025 RU Trnava</t>
  </si>
  <si>
    <t>FAP42500988</t>
  </si>
  <si>
    <t>Privátna dátová sieť 08/2025 RÚ Košice</t>
  </si>
  <si>
    <t>FAP42500989</t>
  </si>
  <si>
    <t>Privátna dátová sieť 08/2025 RÚ Žilina</t>
  </si>
  <si>
    <t>FAP42500990</t>
  </si>
  <si>
    <t>Privátna dátová sieť 08/2025 RÚ Nitra</t>
  </si>
  <si>
    <t>FAP42500991</t>
  </si>
  <si>
    <t>Privátna dátová sieť 08/2025 RÚ Prešov</t>
  </si>
  <si>
    <t>FAP42500992</t>
  </si>
  <si>
    <t>Privátna dátová sieť 08/2025 RÚ Trenčín</t>
  </si>
  <si>
    <t>FAP42500993</t>
  </si>
  <si>
    <t>Servisná služba:  výmena 2 ks pneumatík Superb BT187GA</t>
  </si>
  <si>
    <t>FAP42500994</t>
  </si>
  <si>
    <t>Spotreba energie chladenie, kúrenie, vzduchotechnika 08/2025 - RÚ Banská Bystrica</t>
  </si>
  <si>
    <t>FAP42500995</t>
  </si>
  <si>
    <t>O2 Business Services, a.s.</t>
  </si>
  <si>
    <t>Pribinova 40, 811 09 Bratislava</t>
  </si>
  <si>
    <t xml:space="preserve">Nákup mobilných zariadení </t>
  </si>
  <si>
    <t>155/2025</t>
  </si>
  <si>
    <t>FAP42500996</t>
  </si>
  <si>
    <t>Servisná služba:  výmena oleja a filtrov BMW AA638BD</t>
  </si>
  <si>
    <t>FAP42500997</t>
  </si>
  <si>
    <t>Servisná služba:  diagnostika technického stavu - Škoda Octavia AA798NE (RÚ Košice)</t>
  </si>
  <si>
    <t>FAP42500998</t>
  </si>
  <si>
    <t xml:space="preserve">Realizácia odbornej skúšky na získanie osobitného kvalifikačného predpokladu </t>
  </si>
  <si>
    <t>FAP42500999</t>
  </si>
  <si>
    <t xml:space="preserve">1942025,1332025,2482025 </t>
  </si>
  <si>
    <t>FAP42501000</t>
  </si>
  <si>
    <t>BIO - FARM, s.r.o.</t>
  </si>
  <si>
    <t>Priečna 832, 059 14 Spišský Štiavnik</t>
  </si>
  <si>
    <t xml:space="preserve">Zabezpečenie priestorov, catering pre workshop region. úradu pre 33 zamestnancov, v termíne 11.-12.9.2025 </t>
  </si>
  <si>
    <t>FAP42501001</t>
  </si>
  <si>
    <t>vzdelávacie aktivity: prezenčné školenie dňa 17.9.2025 a prezenčné školenie dňa 18.9.2025</t>
  </si>
  <si>
    <t>FAP42501002</t>
  </si>
  <si>
    <t>vzdelávacia aktivita: ,,Zákon o slobode informácií v aplikačnej praxi" pre 30 účastníkov (19.092025)</t>
  </si>
  <si>
    <t>FAP42501003</t>
  </si>
  <si>
    <t>vzdelávacia aktivita:  "Work Life balance"v termíne 17.9.2025, pre 19 osôb RÚ Trnava</t>
  </si>
  <si>
    <t>FAP42501004</t>
  </si>
  <si>
    <t>Nájomné a prevádzkové náklady za pobočku TT, 10/2025</t>
  </si>
  <si>
    <t>FAP42501005</t>
  </si>
  <si>
    <t xml:space="preserve">Osadenie vlajky RÚ Nitra </t>
  </si>
  <si>
    <t>FAP42501006</t>
  </si>
  <si>
    <t>Odborný seminár: Nové predpisy v správe registratúry, registratúrneho poriadku a formálnej úprave úradných listov v roku 2025 (2 osoby)</t>
  </si>
  <si>
    <t>FAP42501007</t>
  </si>
  <si>
    <t>Sedací nábytok RÚ BA</t>
  </si>
  <si>
    <t>FAP42501008</t>
  </si>
  <si>
    <t>Kancelársky papier</t>
  </si>
  <si>
    <t>FAP42501009</t>
  </si>
  <si>
    <t>AUTOPOLIS, a.s.</t>
  </si>
  <si>
    <t>Panónska cesta 32, 851 04 Bratislava</t>
  </si>
  <si>
    <t>Nákup motorového vozidla FORD Tourneo Custom</t>
  </si>
  <si>
    <t>157/2025</t>
  </si>
  <si>
    <t>FAP42501010</t>
  </si>
  <si>
    <t>Stavebné úpravy v priestoroch RÚ TT</t>
  </si>
  <si>
    <t>FAP42501011</t>
  </si>
  <si>
    <t>FAP42501012</t>
  </si>
  <si>
    <t>Nákup motorového vozidla Hyundai Staria</t>
  </si>
  <si>
    <t>170/2025</t>
  </si>
  <si>
    <t>FAP42501014</t>
  </si>
  <si>
    <t>FAP42501016</t>
  </si>
  <si>
    <t>Zabezpečenie priestorov, tech. zabepečenie, ubytovanie a catering pre workshop - séria manažérskych školeni Leadership pre zamestnancov úradu</t>
  </si>
  <si>
    <t>FAP42501017</t>
  </si>
  <si>
    <t xml:space="preserve">vzdelávacia aktivita:  "Work Life balance"v termíne 21.8.2025, pre 20 osôb </t>
  </si>
  <si>
    <t>FAP42501018</t>
  </si>
  <si>
    <t>Pevná zložka nájomného parkovacie priestory 11/2025</t>
  </si>
  <si>
    <t>FAP42501019</t>
  </si>
  <si>
    <t>Náklady za energie a služby 11/2025 (opakované plnenie)</t>
  </si>
  <si>
    <t>FAP42501020</t>
  </si>
  <si>
    <t>FAP42501021</t>
  </si>
  <si>
    <t>Nájom motorových vozidiel 09/2025 (EVČ: AA323JT)</t>
  </si>
  <si>
    <t>FAP42501022</t>
  </si>
  <si>
    <t>Nájom motorových vozidiel 09/2025 (EVČ: AA530KM)</t>
  </si>
  <si>
    <t>FAP42501023</t>
  </si>
  <si>
    <t>Nájom motorových vozidiel 09/2025 (EVČ: AA326JT)</t>
  </si>
  <si>
    <t>FAP42501024</t>
  </si>
  <si>
    <t>Nájom motorových vozidiel 09/2025 (EVČ: AA451PP)</t>
  </si>
  <si>
    <t>FAP42501025</t>
  </si>
  <si>
    <t>Nájom motorových vozidiel 09/2025 (EVČ: AA324JT)</t>
  </si>
  <si>
    <t>FAP42501026</t>
  </si>
  <si>
    <t>Nájom motorových vozidiel 09/2025 (EVČ: AA321JT)</t>
  </si>
  <si>
    <t>FAP42501027</t>
  </si>
  <si>
    <t>Nájom motorových vozidiel 09/2025 (EVČ: AA325JT)</t>
  </si>
  <si>
    <t>FAP42501028</t>
  </si>
  <si>
    <t>Nájom motorových vozidiel 09/2025 (EVČ: AA327JT)</t>
  </si>
  <si>
    <t>FAP42501029</t>
  </si>
  <si>
    <t>Nájom priestory, prev.náklady, parking (Q4 2025) paušálna suma za elek.energiu - dieselagregát-Technology 70Item x 12,50 EUR /Item/Month (Q4 2025)</t>
  </si>
  <si>
    <t>FAP42501030</t>
  </si>
  <si>
    <t>Aktualiz. a monitorovanie web stránky UPPaV 09/2025</t>
  </si>
  <si>
    <t>FAP42501031</t>
  </si>
  <si>
    <t>vzdelávacia aktivita: manažérské školenie "Time management " v termíne 30.09.2025</t>
  </si>
  <si>
    <t>FAP42501032</t>
  </si>
  <si>
    <t>vzdelávacia aktivita: manažérské školenie "Leadership" v termíne 24.-25.9.2025</t>
  </si>
  <si>
    <t>FAP42501033</t>
  </si>
  <si>
    <t xml:space="preserve">Nájomné - informačná tabuľa 11/2025 </t>
  </si>
  <si>
    <t>FAP42501034</t>
  </si>
  <si>
    <t>Servisná služba:  vykonanie TK+EK Dacia Sandero BL129RA (RÚ Trnava)</t>
  </si>
  <si>
    <t>FAP42501035</t>
  </si>
  <si>
    <t>Servisná služba:  servisná prehliadka - Škoda Fabia AA568EG (RÚ Trenčín)</t>
  </si>
  <si>
    <t>FAP42501036</t>
  </si>
  <si>
    <t>Servisná služba:  vykonanie TK+EK Dacia Duster BL437RA (RÚ BA)</t>
  </si>
  <si>
    <t>FAP42501037</t>
  </si>
  <si>
    <t>Servisná služba:  servisná prehliadka - Škoda Fabia AA7825EG (RÚ BA)</t>
  </si>
  <si>
    <t>FAP42501038</t>
  </si>
  <si>
    <t>Pravidelný paušálny poplatok za služby Bezpečnostného centra 9/2025</t>
  </si>
  <si>
    <t>FAP42501039</t>
  </si>
  <si>
    <t>Nájomné za parkovacie miesta  11/2025 RÚ Nitra</t>
  </si>
  <si>
    <t>FAP42501040</t>
  </si>
  <si>
    <t>Nájomné za kanc., ostatné admin. , zdieľané priest. 11/2025 RÚ Nitra</t>
  </si>
  <si>
    <t>FAP42501041</t>
  </si>
  <si>
    <t>Náklady na energie a služby 11/2025 RÚ Nitra</t>
  </si>
  <si>
    <t>FAP42501042</t>
  </si>
  <si>
    <t>Nájomné kanc., nájomné technológie 11/2025 RÚ BB</t>
  </si>
  <si>
    <t>FAP42501043</t>
  </si>
  <si>
    <t>Nájomné parking 11/2025 RÚ BB</t>
  </si>
  <si>
    <t>FAP42501044</t>
  </si>
  <si>
    <t>Spoločné prevádzkové náklady 11/2025 RÚ BB</t>
  </si>
  <si>
    <t>FAP42501045</t>
  </si>
  <si>
    <t>Servisný poplatok - Elektronická úradná tabuľa ( 11/2025) RÚ BB</t>
  </si>
  <si>
    <t>FAP42501046</t>
  </si>
  <si>
    <t>Paušál ochrana majetku za obdobie 01.10.2025-31.10.2025, 0905428145 ( RÚ Prešov)</t>
  </si>
  <si>
    <t>FAP42501047</t>
  </si>
  <si>
    <t>Paušál ochrana majetku za obdobie 01.10.2025-31.10.2025, 0918651528 (Žilina)</t>
  </si>
  <si>
    <t>FAP42501048</t>
  </si>
  <si>
    <t>Paušál ochrana majetku za obdobie 01.10.2025-31.10.2025, 0905507381 (Trenčín)</t>
  </si>
  <si>
    <t>FAP42501049</t>
  </si>
  <si>
    <t xml:space="preserve">Služby spojené s používaním  tlačiarenského zariadenia 09/2025  centrála a RÚ </t>
  </si>
  <si>
    <t>FAP42501050</t>
  </si>
  <si>
    <t>Právne služby 09/2025</t>
  </si>
  <si>
    <t>FAP42501051</t>
  </si>
  <si>
    <t>ESPRIT spol. s r.o.</t>
  </si>
  <si>
    <t>Pletiarska 2, 969 01 Banská Štiavnica</t>
  </si>
  <si>
    <t xml:space="preserve">Poskytnutie konzul. Služieb : ,, Mapový webový portál" </t>
  </si>
  <si>
    <t>165/2025</t>
  </si>
  <si>
    <t>FAP42501052</t>
  </si>
  <si>
    <t>Poskytovanie užívateľských prístupov k právnemu infor. systému (01.09.2025 - 30.09.2025)</t>
  </si>
  <si>
    <t>FAP42501053</t>
  </si>
  <si>
    <t>FAP42501054</t>
  </si>
  <si>
    <t>kvalifikovaný elek. Podpis s mandátnym certifikátom - 30 ks pre RÚ</t>
  </si>
  <si>
    <t>FAP42501055</t>
  </si>
  <si>
    <t>Telefóny, internet za 09/2025 RÚ a ústredie</t>
  </si>
  <si>
    <t>FAP42501056</t>
  </si>
  <si>
    <t>FAP42501057</t>
  </si>
  <si>
    <t>PHM, umytie auta, servis a údržba 09/25</t>
  </si>
  <si>
    <t>FAP42501058</t>
  </si>
  <si>
    <t xml:space="preserve">vzdelávacia aktivita: "Work-life balance" v termíne 02.10.2025, pre 20 osôb RÚ Nitra </t>
  </si>
  <si>
    <t>FAP42501059</t>
  </si>
  <si>
    <t>Elektrická energia, plyn, voda a služby 11/2025</t>
  </si>
  <si>
    <t>FAP42501060</t>
  </si>
  <si>
    <t>Nájomné za kancelárie a parkovacie miesta 11/2025</t>
  </si>
  <si>
    <t>FAP42501061</t>
  </si>
  <si>
    <t xml:space="preserve">Podpora prevádzky, údržba a rozvoj informačného systému 09/2025 </t>
  </si>
  <si>
    <t>FAP42501062</t>
  </si>
  <si>
    <t xml:space="preserve">360 človední na služby na 2Q/2025 </t>
  </si>
  <si>
    <t>FAP42501063</t>
  </si>
  <si>
    <t>BOZP, OPP, PZS - 9/2025</t>
  </si>
  <si>
    <t>FAP42501064</t>
  </si>
  <si>
    <t>BOZP, OPP, oboznamovanie vodičov - 9/2025</t>
  </si>
  <si>
    <t>FAP42501065</t>
  </si>
  <si>
    <t>Pod horou, spol. s r.o.</t>
  </si>
  <si>
    <t>Selčianska dolina 700, 976 11 SELCE</t>
  </si>
  <si>
    <t xml:space="preserve">Workshop úradu - zabezpečenie priestorov, cateringu pre 30 zames.RÚ BB v termíne 02.-03.10.2025 v penzióne Čachovo Selce </t>
  </si>
  <si>
    <t>FAP42501066</t>
  </si>
  <si>
    <t>Online odborný seminár  „MS Excel 1 - Užitočné základy pre začiatočníkov" pre 3 osoby (03.10.2025)</t>
  </si>
  <si>
    <t>FAP42501067</t>
  </si>
  <si>
    <t xml:space="preserve">Potlač ocharnných pomôcok logom UUPV SR </t>
  </si>
  <si>
    <t>FAP42501068</t>
  </si>
  <si>
    <t>Podpora ekonomických aplikácií 10/2025</t>
  </si>
  <si>
    <t>FAP42501069</t>
  </si>
  <si>
    <t>Prevádzkový servis k aplikácii Mzdy 10/2025 (SSI)</t>
  </si>
  <si>
    <t>FAP42501070</t>
  </si>
  <si>
    <t>Náj. za kanc.,skl. priestory, nájomné za park.miesta 11/2025 RÚ Košice</t>
  </si>
  <si>
    <t>FAP42501071</t>
  </si>
  <si>
    <t>Zálohová platba za náklady na energie 11/2025 RÚ Košice</t>
  </si>
  <si>
    <t>FAP42501072</t>
  </si>
  <si>
    <t>Poplatok za správu budovy 11/2025  RÚ Košice</t>
  </si>
  <si>
    <t>FAP42501073</t>
  </si>
  <si>
    <t>Poskytovanie služieb Multišport 10/2025</t>
  </si>
  <si>
    <t>FAP42501074</t>
  </si>
  <si>
    <t>Kancelársky nábytok pre centrálu a RÚ Trenčín</t>
  </si>
  <si>
    <t>1212025, 1332025, 2012025, 2482025</t>
  </si>
  <si>
    <t>FAP42501075</t>
  </si>
  <si>
    <t>ZEPHIROS, a.s.</t>
  </si>
  <si>
    <t>FAP42501076</t>
  </si>
  <si>
    <t>Seminár: Kasačná sťažnosť a konanie o nej v správnom súdnictve (03.10.2025) pre 2 osoby</t>
  </si>
  <si>
    <t>FAP42501077</t>
  </si>
  <si>
    <t>Ševčenkova 34, 851 01 Bratislava</t>
  </si>
  <si>
    <t>Monitoring médií 09/2025</t>
  </si>
  <si>
    <t>FAP42501078</t>
  </si>
  <si>
    <t>AGVM, s.r.o.</t>
  </si>
  <si>
    <t>Belinského 1036/20, 851 01 Bratislava</t>
  </si>
  <si>
    <t xml:space="preserve">vzdelávacia aktivita: školenie "Umelá inteligencia ako pomocník vo verejnej správe"online (08.10.2025)a aj prezenčne (07.10.2025) v priestoroch ÚÚPV  </t>
  </si>
  <si>
    <t>2612025, 2712025</t>
  </si>
  <si>
    <t>FAP42501079</t>
  </si>
  <si>
    <t>vzdelávacia aktivita: "Manažérske  školenie Leadership pre zamestnancov" v termínoch (7.-8.10.25) ubytovanie, catering, zabezpečenie priestorov</t>
  </si>
  <si>
    <t>FAP42501080</t>
  </si>
  <si>
    <t>Veľtrh „Kariera EXPO Bratislava 2025" - 08.10.2025</t>
  </si>
  <si>
    <t>FAP42501081</t>
  </si>
  <si>
    <t>FAP42501083</t>
  </si>
  <si>
    <t>VERDE GROUP, s.r.o.</t>
  </si>
  <si>
    <t xml:space="preserve">Panónska cesta 47, 851 04 Bratislava </t>
  </si>
  <si>
    <t xml:space="preserve">Spracovanie požiadaviek a technických podkladov pre dodávku systému územného plánovania </t>
  </si>
  <si>
    <t>130/2025</t>
  </si>
  <si>
    <t>FAP42501084</t>
  </si>
  <si>
    <t xml:space="preserve">Poštové služby 9/2025 RÚ </t>
  </si>
  <si>
    <t>FAP42501085</t>
  </si>
  <si>
    <t>vzdelávacia aktivita: manažérské školenie "Leadership" v termíne 7.-8.10.2025</t>
  </si>
  <si>
    <t>FAP42501086</t>
  </si>
  <si>
    <t>Stravovacia karta 9/2025, 672 ks</t>
  </si>
  <si>
    <t>FAP42501087</t>
  </si>
  <si>
    <t>Wellness Hotel Čertov, s.r.o.</t>
  </si>
  <si>
    <t>Čertov 1115, 02055 Lazy pod Makytou</t>
  </si>
  <si>
    <t>Zabezpečenie priestorov, technického zabezpečenia, cateringu, ubytovania pre výjazdovú poradu pre 29 zamestnancov RÚ Trenčín v termíne 09.10.-10.10.2025</t>
  </si>
  <si>
    <t>FAP42501088</t>
  </si>
  <si>
    <t xml:space="preserve">Poskytnutie IT služieb Workplace Management 9/2025 </t>
  </si>
  <si>
    <t>FAP42501089</t>
  </si>
  <si>
    <t>Tokeny k certifikátom do účtovného programu VEMA         ( 1 ks )</t>
  </si>
  <si>
    <t>FAP42501090</t>
  </si>
  <si>
    <t>Spotreba energie 9/2025</t>
  </si>
  <si>
    <t>FAP42501091</t>
  </si>
  <si>
    <t xml:space="preserve">Poštové služby  (podaj zásielok) 09/2025 </t>
  </si>
  <si>
    <t>FAP42501092</t>
  </si>
  <si>
    <t>Služby internej VoIP 09/2025 - pobočka Trnava (vice LINK3000+)</t>
  </si>
  <si>
    <t>FAP42501093</t>
  </si>
  <si>
    <t xml:space="preserve">Služby internej VoIP 09/2025 - ústredie (vice LINK3000+) </t>
  </si>
  <si>
    <t>FAP42501094</t>
  </si>
  <si>
    <t>Služby internej VoIP 09/2025 - pobočka Trenčín (vice LINK3000+)</t>
  </si>
  <si>
    <t>FAP42501095</t>
  </si>
  <si>
    <t>Služby internej VoIP 09/2025 - pobočka Žilina (vice LINK3000+)</t>
  </si>
  <si>
    <t>FAP42501096</t>
  </si>
  <si>
    <t>Služby internej VoIP 09/2025 - pobočka Nitra (vice LINK3000+)</t>
  </si>
  <si>
    <t>FAP42501097</t>
  </si>
  <si>
    <t>Služby internej VoIP 09/2025 - pobočka BB (vice LINK3000+)</t>
  </si>
  <si>
    <t>FAP42501098</t>
  </si>
  <si>
    <t>Služby internej VoIP 09/2025 - pobočka Prešov (vice LINK3000+)</t>
  </si>
  <si>
    <t>FAP42501099</t>
  </si>
  <si>
    <t>Služby internej VoIP 09/2025 - pobočka Košice (vice LINK3000+)</t>
  </si>
  <si>
    <t>FAP42501100</t>
  </si>
  <si>
    <t xml:space="preserve">Služby internej VoIP 09/2025 - pobočka Bratislava (vice LINK3000+) </t>
  </si>
  <si>
    <t>FAP42501101</t>
  </si>
  <si>
    <t>Privátna dátová sieť 09/2025 pobočka Bratislava</t>
  </si>
  <si>
    <t>FAP42501102</t>
  </si>
  <si>
    <t>Privátna dátová sieť 09/2025 ústredie Bratislava</t>
  </si>
  <si>
    <t>FAP42501103</t>
  </si>
  <si>
    <t>Privátna dátová sieť 09/2025 serverovňa 2PP</t>
  </si>
  <si>
    <t>FAP42501104</t>
  </si>
  <si>
    <t>Privátna dátová sieť 09/2025 RÚ Banská Bystrica</t>
  </si>
  <si>
    <t>FAP42501105</t>
  </si>
  <si>
    <t>Privátna dátová sieť 09/2025 RU Trnava</t>
  </si>
  <si>
    <t>FAP42501106</t>
  </si>
  <si>
    <t>Privátna dátová sieť 09/2025 RÚ Košice</t>
  </si>
  <si>
    <t>FAP42501107</t>
  </si>
  <si>
    <t>Privátna dátová sieť 09/2025 RÚ Žilina</t>
  </si>
  <si>
    <t>FAP42501108</t>
  </si>
  <si>
    <t>Privátna dátová sieť 09/2025 RÚ Nitra</t>
  </si>
  <si>
    <t>FAP42501109</t>
  </si>
  <si>
    <t>Privátna dátová sieť 09/2025 RÚ Prešov</t>
  </si>
  <si>
    <t>FAP42501110</t>
  </si>
  <si>
    <t>Privátna dátová sieť 09/2025 RÚ Trenčín</t>
  </si>
  <si>
    <t>FAP42501111</t>
  </si>
  <si>
    <t xml:space="preserve">Obstaranie zariadení, SLA, správa zar.  a aplikačné vybavenie - 09/2025 </t>
  </si>
  <si>
    <t>FAP42501112</t>
  </si>
  <si>
    <t>Obstaranie zariadení, SLA, správa zar.  a aplikačné vybavenie - 09/2025 (na 100 prac. Staníc)</t>
  </si>
  <si>
    <t>FAP42501113</t>
  </si>
  <si>
    <t>Servisno - technická podpora 09/2025</t>
  </si>
  <si>
    <t>FAP42501114</t>
  </si>
  <si>
    <t xml:space="preserve">Vyúčtovanie spotreby el. energie  08/2025 </t>
  </si>
  <si>
    <t>FAP42501115</t>
  </si>
  <si>
    <t xml:space="preserve">Vyúčtovanie spotreby el. energie elektromerov 08/2025 </t>
  </si>
  <si>
    <t>FAP42501116</t>
  </si>
  <si>
    <t>14/10/2025</t>
  </si>
  <si>
    <t>Obstaranie zariadení, SLA, správa zar.  a aplikačné vybavenie - 09/2025 (na 45 prac. staníc)</t>
  </si>
  <si>
    <t>3 360,11</t>
  </si>
  <si>
    <t>4 132,94</t>
  </si>
  <si>
    <t>FAP42501117</t>
  </si>
  <si>
    <t xml:space="preserve">Dodanie a montáž sedacieho nábytku ( kancelárske kreslo 40ks, ergonomická pracovná stolička 10ks) - RÚ Trnava </t>
  </si>
  <si>
    <t>FAP42501118</t>
  </si>
  <si>
    <t>vzdelávacia aktivita: manažérské školenie "Time management " v termíne 14.10.2025, pre 19 osôb RÚ Žilina</t>
  </si>
  <si>
    <t>FAP42501119</t>
  </si>
  <si>
    <t>Spotreba energie chladenie, kúrenie, vzduchotechnika 09/2025 - RÚ Banská Bystrica</t>
  </si>
  <si>
    <t>FAP42501120</t>
  </si>
  <si>
    <t>Poplatok za dátové prostredie a poplatok za využívanie aplikácií Vema Cloud 10-12/2025</t>
  </si>
  <si>
    <t>FAP42501121</t>
  </si>
  <si>
    <t xml:space="preserve">Servisná služba:  výmena akumulátora SUZUKI SX4, BA561UN </t>
  </si>
  <si>
    <t>FAP42501122</t>
  </si>
  <si>
    <t>FAP42501123</t>
  </si>
  <si>
    <t xml:space="preserve">TBS, a.s. </t>
  </si>
  <si>
    <t>Športová 1, 916 01 Stará Turá</t>
  </si>
  <si>
    <t>Zabezpečenie priestorov, technického zabezpečenia, cateringu, ubytovania pre výjazdovú poradu pre 35 zamestnancov RÚ Trnava v termíne 17.10.2025</t>
  </si>
  <si>
    <t>FAP42501124</t>
  </si>
  <si>
    <t>Zabezpečenie organizácie kurzu odbornej prípravy zamestnancov a catering v termíne 29.9.-03.10.2025 pre 72 účastníkov odb.prípravy a 14 účastníkov doplňujúcej prípravy</t>
  </si>
  <si>
    <t>167/2025</t>
  </si>
  <si>
    <t>FAP42501125</t>
  </si>
  <si>
    <t>Servisná služba:  servisná prehliadka a výmena akumulátora - Škoda Octavia AA803NE (RÚ Žilina)</t>
  </si>
  <si>
    <t>FAP42501126</t>
  </si>
  <si>
    <t>Nájomné a prevádzkové náklady za pobočku TT, 11/2025</t>
  </si>
  <si>
    <t>FAP42501127</t>
  </si>
  <si>
    <t>Aricoma Systems s.r.o.</t>
  </si>
  <si>
    <t>Krasovského 14, 851 01 Bratislava</t>
  </si>
  <si>
    <t>vzdelávacia aktivita: Technofórum 2025 - budúcnosť IT a kybernetickej bezpečnosti, pre 1 osobu v termíne 14.-15.09.2025</t>
  </si>
  <si>
    <t>FAP42501128</t>
  </si>
  <si>
    <t>Inštalácia CLOUD klientov 1x + nastavenie prístupu</t>
  </si>
  <si>
    <t>FAP42501129</t>
  </si>
  <si>
    <t>Mediderma invest, s.r.o.</t>
  </si>
  <si>
    <t>Stavebné práce - doplnenie SDK priečky RÚ Nitra</t>
  </si>
  <si>
    <t>FAP42501130</t>
  </si>
  <si>
    <t>Odborný seminár: Pravidlá rozpočtového hospodárenia podľa zákona č. 523/2004 Z.z. a porušenie fin. disciplíny v teórii (2 osoby)</t>
  </si>
  <si>
    <t>FAP42501131</t>
  </si>
  <si>
    <t>UNITEC HOLDING spol. s r.o.</t>
  </si>
  <si>
    <t>Vidlicová 14, 831 01 BA</t>
  </si>
  <si>
    <t>Servisné nastavenie kamery systému UTvO</t>
  </si>
  <si>
    <t>FAP42501132</t>
  </si>
  <si>
    <t>Žilinská univerzita v Žiline</t>
  </si>
  <si>
    <t>Univerzitná 8215/1, 010 26 ŽILINA</t>
  </si>
  <si>
    <t>Vzdelávacia aktivita - konferencia (2 os)</t>
  </si>
  <si>
    <t>FAP42501133</t>
  </si>
  <si>
    <t>Vzdelávacia aktivita - akreditovaná konferencia:  "Bydlení", v dňoch 23.-24.10.2025, pre 4 osoby</t>
  </si>
  <si>
    <t>11 800 KČ</t>
  </si>
  <si>
    <t>FAP42501134</t>
  </si>
  <si>
    <t>vzdelávacia aktivita: ,,Efektívna komunikácia a riešenie konfliktov v praxi" (22.10.2025 - 30 osôb a 23.10.2025 - 30 osôb)</t>
  </si>
  <si>
    <t>3092025, 3102025</t>
  </si>
  <si>
    <t>FAP42501135</t>
  </si>
  <si>
    <t>vzdelávacia aktivita: manažérské školenie "Leadership" v termíne 22.-23.10.2025, pre 17 osôb</t>
  </si>
  <si>
    <t>FAP42501136</t>
  </si>
  <si>
    <t>FAP42501137</t>
  </si>
  <si>
    <t>Konektor a elektrický kábel pre domáce nabíjanie - FORD</t>
  </si>
  <si>
    <t>FAP42501138</t>
  </si>
  <si>
    <t>vzdelávacia aktivita: "Správa majetku štátu so zameraním na jej zmeny v súvislosti s úpravou stavebnej legislatívy účinnou od 01.04.2025" pre 5 osôb (22.09.2025)</t>
  </si>
  <si>
    <t>FAP42501139</t>
  </si>
  <si>
    <t>Nákup mobilných zariadení, podľa prílohy č. 1 (11-12/2025)</t>
  </si>
  <si>
    <t>FAP42501140</t>
  </si>
  <si>
    <t>ONLY ON s.r.o.</t>
  </si>
  <si>
    <t>Obyce 201, 95195 Obyce</t>
  </si>
  <si>
    <t>Ubytovanie a catering, zabez.priestorov pre výjazdovú poradu pre 40 osôb RÚ Nitra v termíne 16.-17.10.2025</t>
  </si>
  <si>
    <t>FAP42501141</t>
  </si>
  <si>
    <t>Dodanie a montáž sedacieho nábytku (stoh.stoličky jedáleň 12ks, sedačka(2ks)a kreslo (1ks) do riaditeľskej kancelárie) - RÚ Banská Bystrica</t>
  </si>
  <si>
    <t>FAP42501142</t>
  </si>
  <si>
    <t>Spiatočné letenky pre zamestnancov úradu na zahraničnú pracovnú cestu BA / Benátky (IT) / BA - 04.-06.11.2025</t>
  </si>
  <si>
    <t>205_2023, dodatok č. 2</t>
  </si>
  <si>
    <t>FAP42501143</t>
  </si>
  <si>
    <t>vzdelávacia aktivita: "Manažérske  školenie Leadership pre zamestnancov" v termínoch (22.-23.10.25) ubytovanie, catering, zabezpečenie priestorov</t>
  </si>
  <si>
    <t>FAP42501144</t>
  </si>
  <si>
    <t>Mlynské nivy 48, 82109 Bratislava 2</t>
  </si>
  <si>
    <t>Vzdelávacia aktivita: "7. odborná konferencia - Sporné otázky odmeňovania zamestnancov" online, v termíne 30.10.2025, 1 osoba</t>
  </si>
  <si>
    <t>FAP42501145</t>
  </si>
  <si>
    <t>FAP42501146</t>
  </si>
  <si>
    <t>Prezutie 19 ks služobných motorových vozidiel, uskladnenie 19 sád sezónnych kolies a pneumatík</t>
  </si>
  <si>
    <t>FAP42501147</t>
  </si>
  <si>
    <t>FAP42501148</t>
  </si>
  <si>
    <t>767,50 človekodní na služby na obdobie 01.-31.10.2025, ktoré sú špecif. v prílohe, kt. je neoddeliteľnou súčasťou objednávky</t>
  </si>
  <si>
    <t>FAP42501149</t>
  </si>
  <si>
    <t>Paušál ochrana majetku za obdobie 01.11.2025-30.11.2025, 0905428145 ( RÚ Prešov)</t>
  </si>
  <si>
    <t>FAP42501150</t>
  </si>
  <si>
    <t>poistná udalosť - BMW 545e xDrive Sedan BT616IL (výmena predný nárazník, PDC P bočný- kontrola / výmena), č. PU:1801503325</t>
  </si>
  <si>
    <t>2279,20 (113,96)</t>
  </si>
  <si>
    <t>FAP42501151</t>
  </si>
  <si>
    <t>poistná udalosť - BMW 545e xDrive Sedan BT616IL (výmena predného skla) č. PU:1801560525</t>
  </si>
  <si>
    <t>1689,63 (84,48)</t>
  </si>
  <si>
    <t>FAP42501152</t>
  </si>
  <si>
    <t>Advokátska kancelária JUDr. Almáši Gabriel, spol. s r.o.</t>
  </si>
  <si>
    <t xml:space="preserve">Šumavská 3, 821 08 Bratislava </t>
  </si>
  <si>
    <t>Právne služby 01.-31.10.2025</t>
  </si>
  <si>
    <t>244/2024</t>
  </si>
  <si>
    <t>FAP42501153</t>
  </si>
  <si>
    <t>Právne služby 01.-30.09.2025</t>
  </si>
  <si>
    <t>FAP42501154</t>
  </si>
  <si>
    <t>Paušál ochrana majetku za obdobie 01.11.2025-30.11.2025, 0918651528 (Žilina)</t>
  </si>
  <si>
    <t>FAP42501155</t>
  </si>
  <si>
    <t>Paušál ochrana majetku za obdobie 01.11.2025-30.11.2025, 0905507381 (Trenčín)</t>
  </si>
  <si>
    <t>FAP42501156</t>
  </si>
  <si>
    <t>Spiatočné letenky pre zamestnancov úradu (4 osoby) na zahraničnú pracovnú cestu Wien / Copenhagen/ Wien - 12.-14.11.2025</t>
  </si>
  <si>
    <t>FAP42501157</t>
  </si>
  <si>
    <t>Aktualiz. a monitorovanie web stránky UPPaV 10/2025</t>
  </si>
  <si>
    <t>FAP42501158</t>
  </si>
  <si>
    <t>Nájomné za parkovacie miesta  12/2025 RÚ Nitra</t>
  </si>
  <si>
    <t>208_2023, Dodatok č.2, 3</t>
  </si>
  <si>
    <t>FAP42501159</t>
  </si>
  <si>
    <t>Nájomné za kanc., ostatné admin. , zdieľané priest. 12/2025 RÚ Nitra</t>
  </si>
  <si>
    <t>208_2023, Dodatok č.1, 2</t>
  </si>
  <si>
    <t>FAP42501160</t>
  </si>
  <si>
    <t>Náklady na energie a služby 12/2025 RÚ Nitra</t>
  </si>
  <si>
    <t>FAP42501161</t>
  </si>
  <si>
    <t>Online odborný seminár  „Využitie umelej inteligencie vo Worde, Exceli, PowerPointe" pre 1 osobu (28.10.2025)</t>
  </si>
  <si>
    <t>FAP42501162</t>
  </si>
  <si>
    <t>Pevná zložka nájomného parkovacie priestory 12/2025</t>
  </si>
  <si>
    <t>FAP42501163</t>
  </si>
  <si>
    <t>Náklady za energie a služby 12/2025 (opakované plnenie)</t>
  </si>
  <si>
    <t>FAP42501164</t>
  </si>
  <si>
    <t xml:space="preserve">Nájomné - informačná tabuľa 12/2025 </t>
  </si>
  <si>
    <t>FAP42501165</t>
  </si>
  <si>
    <t>Pravidelný paušálny poplatok za služby Bezpečnostného centra 10/2025</t>
  </si>
  <si>
    <t>FAP42501166</t>
  </si>
  <si>
    <t>DAMIAN JASNA HOTEL RESORT &amp; RESIDENCES s.r.o.</t>
  </si>
  <si>
    <t>Demänovská dolina č. 555, 031 01 Demänovská dolina</t>
  </si>
  <si>
    <t xml:space="preserve">Zabezpečenie priestorov, technické zabezpečenie, catering pre workshop  - Výjazdová porada riadiacich a vedúcich zamestnancov úradu v termíne 25. - 26. septembra 2025 pre 66 zamestnancov. </t>
  </si>
  <si>
    <t>FAP42501167</t>
  </si>
  <si>
    <t>Poradca podnikateľa, spol. s r.o.</t>
  </si>
  <si>
    <t>Vzdelávacia aktivita: "Rozsiahle zmeny zákona o štátnej službe od r.2025" v termíne 23.10.2025, pre 1 osobu</t>
  </si>
  <si>
    <t>FAP42501168</t>
  </si>
  <si>
    <t>Servisný poplatok - Elektronická úradná tabuľa ( 12/2025) RÚ BB</t>
  </si>
  <si>
    <t>214_2023, dodatok č. 3</t>
  </si>
  <si>
    <t>FAP42501169</t>
  </si>
  <si>
    <t>Spoločné prevádzkové náklady 12/2025 RÚ BB</t>
  </si>
  <si>
    <t>FAP42501170</t>
  </si>
  <si>
    <t>Nájomné kanc., nájomné technológie 12/2025 RÚ BB</t>
  </si>
  <si>
    <t>FAP42501171</t>
  </si>
  <si>
    <t>Nájomné parking 12/2025 RÚ BB</t>
  </si>
  <si>
    <t>FAP42501172</t>
  </si>
  <si>
    <t>Global Procurement s.r.o.</t>
  </si>
  <si>
    <t>Koprivnická 3401/9F, 84101 Bratislava - mestská časť Dúbravka</t>
  </si>
  <si>
    <t xml:space="preserve">Predĺženie predplatného balíka PREMIUM portálu www.vo-portal.sk na 1 rok </t>
  </si>
  <si>
    <t>FAP42501173</t>
  </si>
  <si>
    <t>Online odborný seminár  „Základná finančná kontrola - zásadná novela od r. 2026", pre 3 osoby (04.11.2025)</t>
  </si>
  <si>
    <t>FAP42501174</t>
  </si>
  <si>
    <t xml:space="preserve">Podpora prevádzky, údržba a rozvoj informačného systému 10/2025 </t>
  </si>
  <si>
    <t>231/2024-2</t>
  </si>
  <si>
    <t>FAP42501175</t>
  </si>
  <si>
    <t>1942025,2602025,3162025</t>
  </si>
  <si>
    <t>FAP42501176</t>
  </si>
  <si>
    <t>Poskytovanie užívateľských prístupov k právnemu infor. systému (01.10.2025 - 31.10.2025)</t>
  </si>
  <si>
    <t>FAP42501177</t>
  </si>
  <si>
    <t>Nákup zimných pneumatik EČV AA811NE</t>
  </si>
  <si>
    <t>FAP42501178</t>
  </si>
  <si>
    <t xml:space="preserve">Servisná služba:  servisná prehliadka - Škoda Fabia AA363EX </t>
  </si>
  <si>
    <t>FAP42501179</t>
  </si>
  <si>
    <t>FAP42501181</t>
  </si>
  <si>
    <t xml:space="preserve">Obstaranie zariadení, SLA, správa zar.  a aplikačné vybavenie - 10/2025 </t>
  </si>
  <si>
    <t>FAP42501182</t>
  </si>
  <si>
    <t>Obstaranie zariadení, SLA, správa zar.  a aplikačné vybavenie - 10/2025 (na 100 prac. Staníc)</t>
  </si>
  <si>
    <t>FAP42501183</t>
  </si>
  <si>
    <t>Servisno - technická podpora 10/2025</t>
  </si>
  <si>
    <t>FAP42501184</t>
  </si>
  <si>
    <t>Obstaranie zariadení, SLA, správa zar.  a aplikačné vybavenie - 10/2025 (na 45 prac. staníc)</t>
  </si>
  <si>
    <t>4 654,50</t>
  </si>
  <si>
    <t>5 725,04</t>
  </si>
  <si>
    <t>FAP42501185</t>
  </si>
  <si>
    <t>Telefóny, internet za 10/2025 RÚ a ústredie</t>
  </si>
  <si>
    <t>FAP42501186</t>
  </si>
  <si>
    <t>Nájomné za kancelárie a parkovacie miesta 12/2025</t>
  </si>
  <si>
    <t>FAP42501187</t>
  </si>
  <si>
    <t>Elektrická energia, plyn, voda a služby 12/2025</t>
  </si>
  <si>
    <t>FAP42501188</t>
  </si>
  <si>
    <t>PHM, umytie auta, servis a údržba 10/25</t>
  </si>
  <si>
    <t>6 023,01</t>
  </si>
  <si>
    <t>7 408,30</t>
  </si>
  <si>
    <t>FAP42501189</t>
  </si>
  <si>
    <t>Nájom motorových vozidiel 10/2025 (EVČ: AA530KM)</t>
  </si>
  <si>
    <t>350,00</t>
  </si>
  <si>
    <t>430,50</t>
  </si>
  <si>
    <t>156/2024</t>
  </si>
  <si>
    <t>FAP42501190</t>
  </si>
  <si>
    <t>Nájom motorových vozidiel 10/2025 (EVČ: AA326JT)</t>
  </si>
  <si>
    <t>FAP42501191</t>
  </si>
  <si>
    <t>Nájom motorových vozidiel 10/2025 (EVČ: AA323JT)</t>
  </si>
  <si>
    <t>FAP42501192</t>
  </si>
  <si>
    <t>Nájom motorových vozidiel 10/2025 (EVČ: AA451PP)</t>
  </si>
  <si>
    <t>FAP42501193</t>
  </si>
  <si>
    <t>Nájom motorových vozidiel 10/2025 (EVČ: AA324JT)</t>
  </si>
  <si>
    <t>FAP42501194</t>
  </si>
  <si>
    <t>Nájom motorových vozidiel 10/2025 (EVČ: AA325JT)</t>
  </si>
  <si>
    <t>FAP42501195</t>
  </si>
  <si>
    <t>Nájom motorových vozidiel 10/2025 (EVČ: AA327JT)</t>
  </si>
  <si>
    <t>FAP42501196</t>
  </si>
  <si>
    <t>Nájom motorových vozidiel 10/2025 (EVČ: AA321JT)</t>
  </si>
  <si>
    <t>FAP42501197</t>
  </si>
  <si>
    <t>Podpora ekonomických aplikácií 11/2025</t>
  </si>
  <si>
    <t>FAP42501198</t>
  </si>
  <si>
    <t>Prevádzkový servis k aplikácii Mzdy 11/2025 (SSI)</t>
  </si>
  <si>
    <t>FAP42501199</t>
  </si>
  <si>
    <t>Právne služby 10/2025</t>
  </si>
  <si>
    <t>800,00</t>
  </si>
  <si>
    <t>984,00</t>
  </si>
  <si>
    <t>FAP42501200</t>
  </si>
  <si>
    <t>BOZP, OPP, PZS - 10/2025</t>
  </si>
  <si>
    <t>720,00</t>
  </si>
  <si>
    <t>885,60</t>
  </si>
  <si>
    <t>FAP42501201</t>
  </si>
  <si>
    <t>BOZP, OPP, oboznamovanie vodičov - 10/2025</t>
  </si>
  <si>
    <t>130,50</t>
  </si>
  <si>
    <t>160,52</t>
  </si>
  <si>
    <t>FAP42501202</t>
  </si>
  <si>
    <t>Poskytovanie služieb Multišport 11/2025</t>
  </si>
  <si>
    <t>192_2024, dodatok č. 3</t>
  </si>
  <si>
    <t>FAP42501203</t>
  </si>
  <si>
    <t>Náj. za kanc.,skl. priestory, nájomné za park.miesta 12/2025 RÚ Košice</t>
  </si>
  <si>
    <t>FAP42501204</t>
  </si>
  <si>
    <t>Poplatok za správu budovy 12/2025  RÚ Košice</t>
  </si>
  <si>
    <t>FAP42501205</t>
  </si>
  <si>
    <t>Zálohová platba za náklady na energie 12/2025 RÚ Košice</t>
  </si>
  <si>
    <t>FAP42501206</t>
  </si>
  <si>
    <t xml:space="preserve">Zabezpečenie priestorov, catering pre workshop region. úradu pre 34 zamestnancov, Výjazdová porada RÚ Košice, v termíne 23.-24.10.2025 </t>
  </si>
  <si>
    <t>FAP42501207</t>
  </si>
  <si>
    <t>vzdelávacia aktivita: školenie "Umelá inteligencia ako pomocník vo verejnej správe", prezenčne (04.11.2025) v priestoroch ÚÚPV a online (05.11.2025)</t>
  </si>
  <si>
    <t>3272025, 3232025</t>
  </si>
  <si>
    <t>FAP42501208</t>
  </si>
  <si>
    <t>vzdelávacia aktivita: "Verejné obstarávanie pre začiatočníkov a mierne pokročilých podľa najnovších pravidiel" pre 1osobu (23.10.2025)</t>
  </si>
  <si>
    <t>FAP42501209</t>
  </si>
  <si>
    <t xml:space="preserve">Kompetenčné a certifikačné centrum kybernetickej bezpečnosti </t>
  </si>
  <si>
    <t>Na Družstvo 125, 91625 Brunovce</t>
  </si>
  <si>
    <t>vzdelávacia aktivita: " kurz Manažér KB-1" pre 1 osobu ( 04.-05.11.2025)</t>
  </si>
  <si>
    <t>FAP42501210</t>
  </si>
  <si>
    <t xml:space="preserve">Poštové služby  (podaj zásielok) 10/2025 </t>
  </si>
  <si>
    <t>FAP42501211</t>
  </si>
  <si>
    <t xml:space="preserve">Vyúčtovanie spotreby el. energie elektromerov 09/2025 </t>
  </si>
  <si>
    <t>FAP42501212</t>
  </si>
  <si>
    <t xml:space="preserve">Vyúčtovanie spotreby el. energie 09/2025 </t>
  </si>
  <si>
    <t>FAP42501213</t>
  </si>
  <si>
    <t>vzdelávacia aktivita: manažérské školenie "Leadership" v termíne 05.-06.11.2025, pre 14 osôb</t>
  </si>
  <si>
    <t>FAP42501214</t>
  </si>
  <si>
    <t>Advokátska kancelária ŠROBÁR, s r.o.</t>
  </si>
  <si>
    <t>Laurinská 12/212, 811 01 Bratislava</t>
  </si>
  <si>
    <t>Poskytuté právne služby 10/2025</t>
  </si>
  <si>
    <t>900,00</t>
  </si>
  <si>
    <t>1 107,00</t>
  </si>
  <si>
    <t>166/2025</t>
  </si>
  <si>
    <t>FAP42501215</t>
  </si>
  <si>
    <t>Monitoring médií 10/2025</t>
  </si>
  <si>
    <t>FAP42501216</t>
  </si>
  <si>
    <t>Služby implementácie zmeny aplikačného riešenia nad rámec exist. aplikačného riešenia pre IT helpdesk k VO zákazke "Tiketovací systém"</t>
  </si>
  <si>
    <t>4 480,00</t>
  </si>
  <si>
    <t>5 510,40</t>
  </si>
  <si>
    <t>FAP42501217</t>
  </si>
  <si>
    <t>Poštové služby 10/2025 RÚ BA</t>
  </si>
  <si>
    <t>FAP42501218</t>
  </si>
  <si>
    <t>FAP42501219</t>
  </si>
  <si>
    <t>Drevenice Terchová s.r.o.</t>
  </si>
  <si>
    <t>Na Bukovine 2367, 013 06 Terchová</t>
  </si>
  <si>
    <t>Poskytnuté služby pre výjazdovú poradu 06.-07.11.2025 - 34 zamest. RÚ ZA</t>
  </si>
  <si>
    <t>FAP42501220</t>
  </si>
  <si>
    <t>Implementácia dvojfaktorovej SMS autentifikácie (2FA)</t>
  </si>
  <si>
    <t>FAP42501221</t>
  </si>
  <si>
    <t>FAP42501222</t>
  </si>
  <si>
    <t xml:space="preserve">USB tocken eToken 5110 FIPS 4x </t>
  </si>
  <si>
    <t>FAP42501223</t>
  </si>
  <si>
    <t>Služby internej VoIP 10/2025 - pobočka Trnava (vice LINK3000+)</t>
  </si>
  <si>
    <t>FAP42501224</t>
  </si>
  <si>
    <t xml:space="preserve">Služby internej VoIP 10/2025 - ústredie (vice LINK3000+) </t>
  </si>
  <si>
    <t>FAP42501225</t>
  </si>
  <si>
    <t>Služby internej VoIP 10/2025 - pobočka Trenčín (vice LINK3000+)</t>
  </si>
  <si>
    <t>FAP42501226</t>
  </si>
  <si>
    <t>Služby internej VoIP 10/2025 - pobočka Žilina (vice LINK3000+)</t>
  </si>
  <si>
    <t>FAP42501227</t>
  </si>
  <si>
    <t>Služby internej VoIP 10/2025 - pobočka Nitra (vice LINK3000+)</t>
  </si>
  <si>
    <t>FAP42501228</t>
  </si>
  <si>
    <t>Služby internej VoIP 10/2025 - pobočka BB (vice LINK3000+)</t>
  </si>
  <si>
    <t>FAP42501229</t>
  </si>
  <si>
    <t>Služby internej VoIP 10/2025 - pobočka Prešov (vice LINK3000+)</t>
  </si>
  <si>
    <t>FAP42501230</t>
  </si>
  <si>
    <t>Služby internej VoIP 10/2025 - pobočka Košice (vice LINK3000+)</t>
  </si>
  <si>
    <t>FAP42501231</t>
  </si>
  <si>
    <t xml:space="preserve">Služby internej VoIP 10/2025 - pobočka Bratislava (vice LINK3000+) </t>
  </si>
  <si>
    <t>FAP42501232</t>
  </si>
  <si>
    <t>Privátna dátová sieť 10/2025 pobočka Bratislava</t>
  </si>
  <si>
    <t>FAP42501233</t>
  </si>
  <si>
    <t>Privátna dátová sieť 10/2025 ústredie Bratislava</t>
  </si>
  <si>
    <t>FAP42501234</t>
  </si>
  <si>
    <t>Privátna dátová sieť 10/2025 serverovňa 2PP</t>
  </si>
  <si>
    <t>FAP42501235</t>
  </si>
  <si>
    <t>Privátna dátová sieť 10/2025 RÚ Banská Bystrica</t>
  </si>
  <si>
    <t>FAP42501236</t>
  </si>
  <si>
    <t>Privátna dátová sieť 10/2025 RU Trnava</t>
  </si>
  <si>
    <t>FAP42501237</t>
  </si>
  <si>
    <t>Privátna dátová sieť 10/2025 RÚ Košice</t>
  </si>
  <si>
    <t>FAP42501238</t>
  </si>
  <si>
    <t>Privátna dátová sieť 10/2025 RÚ Žilina</t>
  </si>
  <si>
    <t>FAP42501239</t>
  </si>
  <si>
    <t>Privátna dátová sieť 10/2025 RÚ Nitra</t>
  </si>
  <si>
    <t>FAP42501240</t>
  </si>
  <si>
    <t>Privátna dátová sieť 10/2025 RÚ Prešov</t>
  </si>
  <si>
    <t>FAP42501241</t>
  </si>
  <si>
    <t>Privátna dátová sieť 10/2025 RÚ Trenčín</t>
  </si>
  <si>
    <t>FAP42501242</t>
  </si>
  <si>
    <t>Stravovacia karta 10/2025, 631 ks</t>
  </si>
  <si>
    <t>FAP42501244</t>
  </si>
  <si>
    <t>vzdelávacia aktivita: "Manažérske  školenie Leadership pre zamestnancov" v termínoch (05.-06.11.25) ubytovanie, catering, zabezpečenie priestorov</t>
  </si>
  <si>
    <t>FAP42501245</t>
  </si>
  <si>
    <t>vzdelávacia aktivita: "Manažérske  školenie Leadership pre zamestnancov" v termínoch (12.-13.11.25) ubytovanie, catering, zabezpečenie priestorov</t>
  </si>
  <si>
    <t>FAP42501246</t>
  </si>
  <si>
    <t xml:space="preserve">Poskytnutie IT služieb Workplace Management 10/2025 </t>
  </si>
  <si>
    <t>FAP42501247</t>
  </si>
  <si>
    <t>Servisná služba:  servisná prehliadka - Dacia Duster BL446RA RÚ PO</t>
  </si>
  <si>
    <t>639,22</t>
  </si>
  <si>
    <t>786,24</t>
  </si>
  <si>
    <t>FAP42501248</t>
  </si>
  <si>
    <t>vzdelávacia aktivita: manažérské školenie "Work Life balance" v termíne 11.11.2025, pre 19 osôb RÚ BB</t>
  </si>
  <si>
    <t>FAP42501249</t>
  </si>
  <si>
    <t>vzdelávacia aktivita: manažérské školenie "Leadership" v termíne 12.-13.11.2025, pre 15 osôb</t>
  </si>
  <si>
    <t>FAP42501250</t>
  </si>
  <si>
    <t>FAP42501251</t>
  </si>
  <si>
    <t>FAP42501252</t>
  </si>
  <si>
    <t>47,65</t>
  </si>
  <si>
    <t>58,61</t>
  </si>
  <si>
    <t>FAP42501253</t>
  </si>
  <si>
    <t>Spotreba energie, el., vodné-stočné 10/25</t>
  </si>
  <si>
    <t>2 252,22</t>
  </si>
  <si>
    <t>2 682,63</t>
  </si>
  <si>
    <t>FAP42501255</t>
  </si>
  <si>
    <t>Spotreba energie 10/2025</t>
  </si>
  <si>
    <t>18,07</t>
  </si>
  <si>
    <t>21,50</t>
  </si>
  <si>
    <t>FAP42501256</t>
  </si>
  <si>
    <t>SIMLOOP s.r.o.</t>
  </si>
  <si>
    <t>Einsteinova 33, 851 01 Bratislava 5</t>
  </si>
  <si>
    <t>Vypracovanie projektovej dokumentácie pre projekt: Záložná serverovňa ÚÚPaV</t>
  </si>
  <si>
    <t>20 250,00</t>
  </si>
  <si>
    <t>24 907,50</t>
  </si>
  <si>
    <t>20/2024</t>
  </si>
  <si>
    <t>FAP42501257</t>
  </si>
  <si>
    <t xml:space="preserve">Kancelársky nábytok pre RÚ Prešov, Žilina, Trnava </t>
  </si>
  <si>
    <t>5 280,00</t>
  </si>
  <si>
    <t>6 494,40</t>
  </si>
  <si>
    <t>2602025, 3162025, 3752025</t>
  </si>
  <si>
    <t>FAP42501258</t>
  </si>
  <si>
    <t>vzdelávacia aktivita: manažérské školenie "Time management " v termíne 19.11.2025, pre 20 osôb</t>
  </si>
  <si>
    <t>FAP42501259</t>
  </si>
  <si>
    <t>Opravná faktúra (ťarchopis) k faktúre č. 2500201 (FAP42500475) - vodné-stočné  04/2025</t>
  </si>
  <si>
    <t>18,87</t>
  </si>
  <si>
    <t>23,21</t>
  </si>
  <si>
    <t>FAP42501260</t>
  </si>
  <si>
    <t>Opravná faktúra (ťarchopis) k faktúre č. 2500236 (FAP42500599) - vodné-stočné  05/2025</t>
  </si>
  <si>
    <t>22,95</t>
  </si>
  <si>
    <t>28,22</t>
  </si>
  <si>
    <t>FAP42501261</t>
  </si>
  <si>
    <t>Opravná faktúra (ťarchopis) k faktúre č. 2500275 (FAP42500726) - vodné-stočné  06/2025</t>
  </si>
  <si>
    <t>24,07</t>
  </si>
  <si>
    <t>29,60</t>
  </si>
  <si>
    <t>FAP42501262</t>
  </si>
  <si>
    <t>Opravná faktúra (ťarchopis) k faktúre č. 2500308 (FAP42500829) - vodné-stočné  07/2025</t>
  </si>
  <si>
    <t>25,20</t>
  </si>
  <si>
    <t>31,00</t>
  </si>
  <si>
    <t>FAP42501263</t>
  </si>
  <si>
    <t>Opravná faktúra (ťarchopis) k faktúre č. 2500342 (FAP42500971) - vodné-stočné  08/2025</t>
  </si>
  <si>
    <t>20,82</t>
  </si>
  <si>
    <t>25,61</t>
  </si>
  <si>
    <t>FAP42501264</t>
  </si>
  <si>
    <t>Opravná faktúra (ťarchopis) k faktúre č. 2500412 (FAP42501253) - vodné-stočné  10/2025</t>
  </si>
  <si>
    <t>29,41</t>
  </si>
  <si>
    <t>36,18</t>
  </si>
  <si>
    <t>FAP42501265</t>
  </si>
  <si>
    <t>vzdelávacia aktivita: " kurz Manažér KB-2" pre 1 osobu ( 18.-19.11.2025)</t>
  </si>
  <si>
    <t>690,00</t>
  </si>
  <si>
    <t>FAP42501266</t>
  </si>
  <si>
    <t>Nájomné a prevádzkové náklady za pobočku TT, 12/2025</t>
  </si>
  <si>
    <t>24 175,42</t>
  </si>
  <si>
    <t>25 754,76</t>
  </si>
  <si>
    <t>211_2023 a Dodatok č.1,2</t>
  </si>
  <si>
    <t>FAP42501268</t>
  </si>
  <si>
    <t>370,00</t>
  </si>
  <si>
    <t>455,10</t>
  </si>
  <si>
    <t>FAP42501269</t>
  </si>
  <si>
    <t>Spotreba energie chladenie, kúrenie, vzduchotechnika 10/2025 - RÚ Banská Bystrica</t>
  </si>
  <si>
    <t>1 377,17</t>
  </si>
  <si>
    <t>1 638,84</t>
  </si>
  <si>
    <t>214_2023, dodatok č. 1-3</t>
  </si>
  <si>
    <t>FAP42501270</t>
  </si>
  <si>
    <t>SLOVCLEAN a.s.</t>
  </si>
  <si>
    <t xml:space="preserve">Račianska 96, 831 02 Bratislava </t>
  </si>
  <si>
    <t>Upratovacie práce v objektoch UUPaV v termíne 20.-31.10.2025 (Centrála BA, RÚ BA, RÚ TT, RÚ TN)</t>
  </si>
  <si>
    <t>4 035,12</t>
  </si>
  <si>
    <t>4 963,20</t>
  </si>
  <si>
    <t>179/2025</t>
  </si>
  <si>
    <t>FAP42501271</t>
  </si>
  <si>
    <t>Online odborný seminár "Ako sa pripraviť na kontrolu zverejňovania zmlúv v CRZ"pre 1 osobu (21.11.2025)</t>
  </si>
  <si>
    <t>79,67</t>
  </si>
  <si>
    <t>98,00</t>
  </si>
  <si>
    <t>FAP42501272</t>
  </si>
  <si>
    <t>JUDr. Lívia Krnčoková, advokátka</t>
  </si>
  <si>
    <t xml:space="preserve">29. augusta 5, 811 08 Bratislava </t>
  </si>
  <si>
    <t xml:space="preserve">Právne služby </t>
  </si>
  <si>
    <t>22 600,00</t>
  </si>
  <si>
    <t>27 798,00</t>
  </si>
  <si>
    <t>238/2024</t>
  </si>
  <si>
    <t>FAP42501273</t>
  </si>
  <si>
    <t>Spotreba energie, el., vodné-stočné 09/25</t>
  </si>
  <si>
    <t>1 970,64</t>
  </si>
  <si>
    <t>2 347,14</t>
  </si>
  <si>
    <t>FAP42501274</t>
  </si>
  <si>
    <t>Servisná služba:  výmena 4 ks pneumatík Dacia BL129RA RÚ TT</t>
  </si>
  <si>
    <t>285,22</t>
  </si>
  <si>
    <t>350,82</t>
  </si>
  <si>
    <t>FAP42501275</t>
  </si>
  <si>
    <t xml:space="preserve">Služby spojené s používaním  tlačiarenského zariadenia 10/2025  centrála a RÚ </t>
  </si>
  <si>
    <t>7 207,76</t>
  </si>
  <si>
    <t>8 865,54</t>
  </si>
  <si>
    <t>FAP42501276</t>
  </si>
  <si>
    <t>Servisná služba:  nákup a výmena 1ks pneumatiky - Kia EL785BF</t>
  </si>
  <si>
    <t>214,11</t>
  </si>
  <si>
    <t>263,36</t>
  </si>
  <si>
    <t>FAP42501277</t>
  </si>
  <si>
    <t>Opravná faktúra (ťarchopis) k faktúre č. 2500381 (FAP42501273) - vodné-stočné  09/2025</t>
  </si>
  <si>
    <t>25,28</t>
  </si>
  <si>
    <t>31,10</t>
  </si>
  <si>
    <t>FAP42501278</t>
  </si>
  <si>
    <t>Servisná služba:  servisná prehliadka - Škoda Superb AA290DU</t>
  </si>
  <si>
    <t>421,08</t>
  </si>
  <si>
    <t>517,93</t>
  </si>
  <si>
    <t>FAP42501279</t>
  </si>
  <si>
    <t>Zabezpečenie organizácie kurzu odbornej prípravy zamestnancov  03.-07.11.2025 pre 40 účastníkov odb.prípravy a 55 účastníkov doplňujúcej prípravy</t>
  </si>
  <si>
    <t>17 885,98</t>
  </si>
  <si>
    <t>18 073,90</t>
  </si>
  <si>
    <t>FAP42501280</t>
  </si>
  <si>
    <t>210,00</t>
  </si>
  <si>
    <t>258,30</t>
  </si>
  <si>
    <t>FAP42501281</t>
  </si>
  <si>
    <t>Prezutie 6 ks služobných motorových vozidiel, uskladnenie 5 sád sezónnych kolies a pneumatík</t>
  </si>
  <si>
    <t>429,45</t>
  </si>
  <si>
    <t>528,22</t>
  </si>
  <si>
    <t>FAP42501282</t>
  </si>
  <si>
    <t>vzdelávacia aktivita: školenie "Umelá inteligencia ako pomocník vo verejnej správe", prezenčne (19.11.2025) v priestoroch ÚÚPV a online (20.11.2025)</t>
  </si>
  <si>
    <t>1 000,00</t>
  </si>
  <si>
    <t>1 230,00</t>
  </si>
  <si>
    <t>3262025, 3302025</t>
  </si>
  <si>
    <t>FAP42501283</t>
  </si>
  <si>
    <t>555,00</t>
  </si>
  <si>
    <t>682,65</t>
  </si>
  <si>
    <t>FAP42501284</t>
  </si>
  <si>
    <t>Green Wave Recycling, s.r.o.</t>
  </si>
  <si>
    <t>Pohranická ulica 271/27, 951 04 Malý Lapáš</t>
  </si>
  <si>
    <t xml:space="preserve">Skartácia dokumentácie - RÚ Nitra </t>
  </si>
  <si>
    <t>10,18</t>
  </si>
  <si>
    <t>12,52</t>
  </si>
  <si>
    <t>169/2025</t>
  </si>
  <si>
    <t>FAP42501285</t>
  </si>
  <si>
    <t>1,60</t>
  </si>
  <si>
    <t>1,97</t>
  </si>
  <si>
    <t>FAP42501286</t>
  </si>
  <si>
    <t>kvalifikovaný elek. Podpis s mandátnym certifikátom - 1ks pre RÚ Žilina</t>
  </si>
  <si>
    <t>24,00</t>
  </si>
  <si>
    <t>29,52</t>
  </si>
  <si>
    <t>FAP42501287</t>
  </si>
  <si>
    <t>Teamsales s.r.o.</t>
  </si>
  <si>
    <t xml:space="preserve">Mlynské Nivy 10, 821 09 Bratislava </t>
  </si>
  <si>
    <t>Bezpilotné letecké systémy, príprava na skúšky a praktický kurz ovládania bezpilotného letec. systému na monitorovanie</t>
  </si>
  <si>
    <t>53 510,00</t>
  </si>
  <si>
    <t>65 817,30</t>
  </si>
  <si>
    <t>FAP42501288</t>
  </si>
  <si>
    <t>GOPAS SR, a.s.</t>
  </si>
  <si>
    <t>Dr. Vladimíra Clementisa 10, 821 02 Bratislava</t>
  </si>
  <si>
    <t>Vzdelávacia aktivita - konferencia:  "HackerFest 2025" online,  20.11.2025, pre 1 osobu</t>
  </si>
  <si>
    <t>150,00</t>
  </si>
  <si>
    <t>184,50</t>
  </si>
  <si>
    <t>FAP42501289</t>
  </si>
  <si>
    <t>25,10</t>
  </si>
  <si>
    <t>30,87</t>
  </si>
  <si>
    <t>FAP42501290</t>
  </si>
  <si>
    <t>Online odborný seminár "MS Excel 4 - Kontingenčné tabuľky a grafy pre mierne pokročilých" pre 1 osobu (21.11.2025)</t>
  </si>
  <si>
    <t>78,86</t>
  </si>
  <si>
    <t>97,00</t>
  </si>
  <si>
    <t>FAP42501291</t>
  </si>
  <si>
    <t>Seminár: Zodpovednosť za škodu spôsobenú pri výkone verejnej moci</t>
  </si>
  <si>
    <t>189,00</t>
  </si>
  <si>
    <t>FAP42501292</t>
  </si>
  <si>
    <t>Aktualiz. a monitorovanie web stránky UPPaV 11/2025</t>
  </si>
  <si>
    <t>882,08</t>
  </si>
  <si>
    <t>1 084,96</t>
  </si>
  <si>
    <t>FAP42501293</t>
  </si>
  <si>
    <t>Pevná zložka nájomného parkovacie priestory 01/2026</t>
  </si>
  <si>
    <t>15 394,00</t>
  </si>
  <si>
    <t>17 214,40</t>
  </si>
  <si>
    <t>FAP42501294</t>
  </si>
  <si>
    <t>Náklady za energie a služby 01/2026 (opakované plnenie)</t>
  </si>
  <si>
    <t>2 500,00</t>
  </si>
  <si>
    <t>3 075,00</t>
  </si>
  <si>
    <t>FAP42501295</t>
  </si>
  <si>
    <t>Pravidelný paušálny poplatok za služby Bezpečnostného centra 11/2025</t>
  </si>
  <si>
    <t>4,99</t>
  </si>
  <si>
    <t>6,14</t>
  </si>
  <si>
    <t>FAP42501296</t>
  </si>
  <si>
    <t xml:space="preserve">Nájomné - informačná tabuľa 01/2026 </t>
  </si>
  <si>
    <t>100,00</t>
  </si>
  <si>
    <t>FAP42501297</t>
  </si>
  <si>
    <t>Poskytuté právne služby 11/2025</t>
  </si>
  <si>
    <t>2 610,00</t>
  </si>
  <si>
    <t>3 210,30</t>
  </si>
  <si>
    <t>FAP42501298</t>
  </si>
  <si>
    <t xml:space="preserve">Podpora prevádzky, údržba a rozvoj informačného systému 11/2025 </t>
  </si>
  <si>
    <t>3 526,00</t>
  </si>
  <si>
    <t>4 336,98</t>
  </si>
  <si>
    <t>FAP42501299</t>
  </si>
  <si>
    <t>Nájomné za parkovacie miesta  01/2026 RÚ Nitra</t>
  </si>
  <si>
    <t>854,20</t>
  </si>
  <si>
    <t>1 050,67</t>
  </si>
  <si>
    <t>FAP42501300</t>
  </si>
  <si>
    <t>Náklady na energie a služby 01/2026 RÚ Nitra</t>
  </si>
  <si>
    <t>2 142,40</t>
  </si>
  <si>
    <t>2 619,73</t>
  </si>
  <si>
    <t>FAP42501301</t>
  </si>
  <si>
    <t>Nájomné za kanc., ostatné admin. , zdieľané priest. 01/2026 RÚ Nitra</t>
  </si>
  <si>
    <t>6 648,86</t>
  </si>
  <si>
    <t>FAP42501302</t>
  </si>
  <si>
    <t>Elfa s.r.o.</t>
  </si>
  <si>
    <t>Park Komenského 7, 040 01 Košice</t>
  </si>
  <si>
    <t>Licencie Smartsheet Business na 12 mesiacov</t>
  </si>
  <si>
    <t>885,00</t>
  </si>
  <si>
    <t>1 088,55</t>
  </si>
  <si>
    <t>FAP42501303</t>
  </si>
  <si>
    <t>Vzdelávacia aktivita - online seminár:  "Indivduálna účtovná závierka subjektu verejnej správy k 31.12.2025"</t>
  </si>
  <si>
    <t>88,62</t>
  </si>
  <si>
    <t>109,00</t>
  </si>
  <si>
    <t>FAP42501304</t>
  </si>
  <si>
    <t xml:space="preserve">vzdelávacia aktivita: "Využitie AI v praxi právnika - tipy  </t>
  </si>
  <si>
    <t>159,00</t>
  </si>
  <si>
    <t>195,57</t>
  </si>
  <si>
    <t>FAP42501305</t>
  </si>
  <si>
    <t>Poskytovanie užívateľských prístupov k právnemu infor. systému (01.11.2025 - 30.11.2025)</t>
  </si>
  <si>
    <t>1 045,00</t>
  </si>
  <si>
    <t>1 285,35</t>
  </si>
  <si>
    <t>FAP42501306</t>
  </si>
  <si>
    <t xml:space="preserve">Služby spojené s používaním  tlačiarenského zariadenia 11/2025  centrála a RÚ </t>
  </si>
  <si>
    <t>7 021,03</t>
  </si>
  <si>
    <t>8 635,87</t>
  </si>
  <si>
    <t>FAP42501307</t>
  </si>
  <si>
    <t>Školenie : Kurz prvej pomoci na základe CP AW/25/5</t>
  </si>
  <si>
    <t>770,00</t>
  </si>
  <si>
    <t>947,10</t>
  </si>
  <si>
    <t>FAP42501308</t>
  </si>
  <si>
    <t>Nájom motorových vozidiel 11/2025 (EVČ: AA451PP)</t>
  </si>
  <si>
    <t>FAP42501309</t>
  </si>
  <si>
    <t>Nájom motorových vozidiel 11/2025 (EVČ: AA323JT)</t>
  </si>
  <si>
    <t>FAP42501310</t>
  </si>
  <si>
    <t>Nájom motorových vozidiel 11/2025 (EVČ: AA326JT)</t>
  </si>
  <si>
    <t>FAP42501311</t>
  </si>
  <si>
    <t>Nájom motorových vozidiel 11/2025 (EVČ: AA530KM)</t>
  </si>
  <si>
    <t>FAP42501312</t>
  </si>
  <si>
    <t>Nájom motorových vozidiel 11/2025 (EVČ: AA324JT)</t>
  </si>
  <si>
    <t>FAP42501313</t>
  </si>
  <si>
    <t>Nájom motorových vozidiel 11/2025 (EVČ: AA325JT)</t>
  </si>
  <si>
    <t>FAP42501314</t>
  </si>
  <si>
    <t>Nájom motorových vozidiel 11/2025 (EVČ: AA327JT)</t>
  </si>
  <si>
    <t>FAP42501315</t>
  </si>
  <si>
    <t>Nájom motorových vozidiel 11/2025 (EVČ: AA321JT)</t>
  </si>
  <si>
    <t>FAP42501316</t>
  </si>
  <si>
    <t>Paušál ochrana majetku za obdobie 01.12.2025-31.12.2025, 0905428145 ( RÚ Prešov)</t>
  </si>
  <si>
    <t>4,08</t>
  </si>
  <si>
    <t>5,02</t>
  </si>
  <si>
    <t>FAP42501317</t>
  </si>
  <si>
    <t>Paušál ochrana majetku za obdobie 01.12.2025-31.12.2025, 0905507381 (Trenčín)</t>
  </si>
  <si>
    <t>FAP42501318</t>
  </si>
  <si>
    <t>Paušál ochrana majetku za obdobie 01.12.2025-31.12.2025, 0918651528 (Žilina)</t>
  </si>
  <si>
    <t>FAP42501319</t>
  </si>
  <si>
    <t>Nájom priestory, prev.náklady, parking (Q1 2026) paušálna suma za elek.energiu - dieselagregát-Technology 70Item x 12,50 EUR /Item/Month (Q1 2026)</t>
  </si>
  <si>
    <t>317 086,05</t>
  </si>
  <si>
    <t>337 828,47</t>
  </si>
  <si>
    <t>FAP42501320</t>
  </si>
  <si>
    <t>Obstaranie zariadení, SLA, správa zar.  a aplikačné vybavenie - 11/2025 (na 100 prac. Staníc)</t>
  </si>
  <si>
    <t>9 231,72</t>
  </si>
  <si>
    <t>11 355,02</t>
  </si>
  <si>
    <t>FAP42501321</t>
  </si>
  <si>
    <t>Servisno - technická podpora 11/2025</t>
  </si>
  <si>
    <t>3 500,00</t>
  </si>
  <si>
    <t>4 305,00</t>
  </si>
  <si>
    <t>FAP42501322</t>
  </si>
  <si>
    <t xml:space="preserve">Obstaranie zariadení, SLA, správa zar.  a aplikačné vybavenie - 11/2025 </t>
  </si>
  <si>
    <t>34 865,50</t>
  </si>
  <si>
    <t>42 884,57</t>
  </si>
  <si>
    <t>FAP42501323</t>
  </si>
  <si>
    <t>Obstaranie zariadení, SLA, správa zar.  a aplikačné vybavenie - 11/2025 (na 45 prac. staníc)</t>
  </si>
  <si>
    <t>5 354,26</t>
  </si>
  <si>
    <t>6 585,74</t>
  </si>
  <si>
    <t>FAP42501324</t>
  </si>
  <si>
    <t>BELICAPRINT s.r.o.</t>
  </si>
  <si>
    <t>Tureň 921, 903 01 Senec</t>
  </si>
  <si>
    <t xml:space="preserve">Hlavičkový papier žltý A4 so štátnym znakom </t>
  </si>
  <si>
    <t>255,00</t>
  </si>
  <si>
    <t>313,65</t>
  </si>
  <si>
    <t>FAP42501325</t>
  </si>
  <si>
    <t>Zamestnávateľský zväz geodézie a kartografie</t>
  </si>
  <si>
    <t xml:space="preserve">Žitná 7212/21, 831 06 Bratislava </t>
  </si>
  <si>
    <t>"Štúdia na Digitálny obraz krajiny"</t>
  </si>
  <si>
    <t>9 995,00</t>
  </si>
  <si>
    <t>FAP42501326</t>
  </si>
  <si>
    <t>Kancelársky papier Bratislava - CENTRÁLA</t>
  </si>
  <si>
    <t>524,00</t>
  </si>
  <si>
    <t>644,52</t>
  </si>
  <si>
    <t>FAP42501327</t>
  </si>
  <si>
    <t>Servisný poplatok - Elektronická úradná tabuľa ( 01/2026) RÚ BB</t>
  </si>
  <si>
    <t>20,00</t>
  </si>
  <si>
    <t>24,60</t>
  </si>
  <si>
    <t>FAP42501328</t>
  </si>
  <si>
    <t>Spoločné prevádzkové náklady 01/2026 RÚ BB</t>
  </si>
  <si>
    <t>6 434,50</t>
  </si>
  <si>
    <t>7 914,44</t>
  </si>
  <si>
    <t>FAP42501329</t>
  </si>
  <si>
    <t>Nájomné za kancelárie a parkovacie miesta 01/2026</t>
  </si>
  <si>
    <t>17 868,33</t>
  </si>
  <si>
    <t>18 006,33</t>
  </si>
  <si>
    <t>FAP42501330</t>
  </si>
  <si>
    <t>Elektrická energia, plyn, voda a služby 01/2026</t>
  </si>
  <si>
    <t>3 000,00</t>
  </si>
  <si>
    <t>3 670,00</t>
  </si>
  <si>
    <t>FAP42501331</t>
  </si>
  <si>
    <t>Právne služby 11/2025</t>
  </si>
  <si>
    <t>500,00</t>
  </si>
  <si>
    <t>615,00</t>
  </si>
  <si>
    <t>FAP42501332</t>
  </si>
  <si>
    <t>PHM, umytie auta, servis a údržba 11/25</t>
  </si>
  <si>
    <t>6 553,62</t>
  </si>
  <si>
    <t>8 058,14</t>
  </si>
  <si>
    <t>FAP42501335</t>
  </si>
  <si>
    <t>Kuchynské vybavenie - ÚÚPaV SR</t>
  </si>
  <si>
    <t>696,94</t>
  </si>
  <si>
    <t>857,23</t>
  </si>
  <si>
    <t>FAP42501336</t>
  </si>
  <si>
    <t xml:space="preserve">vzdelávacia aktivita: školenie "Umelá inteligencia ako pomocník vo verejnej správe" online (04.12.2025) </t>
  </si>
  <si>
    <t>FAP42501337</t>
  </si>
  <si>
    <t>DAVEX - SK, s.r.o.</t>
  </si>
  <si>
    <t>Brezová 65, Žilina 01008</t>
  </si>
  <si>
    <t>Úradné pečiatky ( podľa prílohy č.1)</t>
  </si>
  <si>
    <t>273,60</t>
  </si>
  <si>
    <t>336,53</t>
  </si>
  <si>
    <t>Z20254830_Z</t>
  </si>
  <si>
    <t>FAP42501338</t>
  </si>
  <si>
    <t>Právne služby 01.-31.11.2025</t>
  </si>
  <si>
    <t>6 350,00</t>
  </si>
  <si>
    <t>7 810,50</t>
  </si>
  <si>
    <t>FAP42501339</t>
  </si>
  <si>
    <t>Poskytovanie služieb Multišport 12/2025</t>
  </si>
  <si>
    <t>3 980,95</t>
  </si>
  <si>
    <t>4 180,00</t>
  </si>
  <si>
    <t>192_2024, dodatok č.1- 3</t>
  </si>
  <si>
    <t>FAP42501340</t>
  </si>
  <si>
    <t>Podpora ekonomických aplikácií 12/2025</t>
  </si>
  <si>
    <t>203,73</t>
  </si>
  <si>
    <t>250,59</t>
  </si>
  <si>
    <t>FAP42501341</t>
  </si>
  <si>
    <t>Prevádzkový servis k aplikácii Mzdy 12/2025 (SSI)</t>
  </si>
  <si>
    <t>129,74</t>
  </si>
  <si>
    <t>159,58</t>
  </si>
  <si>
    <t>FAP42501342</t>
  </si>
  <si>
    <t>Automobilové opravovne Ministerstva vnútra Slovenskej republiky, a.s.</t>
  </si>
  <si>
    <t>Sklabinská 20, 831 06 Bratislava - Rača</t>
  </si>
  <si>
    <t>Nákup ZVZ na služobné mot.vozidlo EL268BF</t>
  </si>
  <si>
    <t>1 339,14</t>
  </si>
  <si>
    <t>1 647,14</t>
  </si>
  <si>
    <t>FAP42501343</t>
  </si>
  <si>
    <t>vzdelávacia aktivita: manažérské školenie "Work Life balance" v termíne 04.12.2025</t>
  </si>
  <si>
    <t>FAP42501344</t>
  </si>
  <si>
    <t>FAP42501345</t>
  </si>
  <si>
    <t>FAP42501346</t>
  </si>
  <si>
    <t>DANAU, s.r.o.</t>
  </si>
  <si>
    <t>Doležalova 15/C, 821 04 Bratislava - Ružinov</t>
  </si>
  <si>
    <t>Odovzdanie dokumentov v rámci 1.Fázy Diela</t>
  </si>
  <si>
    <t>33 000,00</t>
  </si>
  <si>
    <t>40 590,00</t>
  </si>
  <si>
    <t>187/2025</t>
  </si>
  <si>
    <t>FAP42501347</t>
  </si>
  <si>
    <t>320,00</t>
  </si>
  <si>
    <t>393,60</t>
  </si>
  <si>
    <t>FAP42501348</t>
  </si>
  <si>
    <t>Náj. za kanc.,skl. priestory, nájomné za park.miesta 01/2026 RÚ Košice</t>
  </si>
  <si>
    <t>19 323,10</t>
  </si>
  <si>
    <t>19 714,10</t>
  </si>
  <si>
    <t>213_2023, dodatok č. 1</t>
  </si>
  <si>
    <t>FAP42501349</t>
  </si>
  <si>
    <t>Poplatok za správu budovy 01/2026  RÚ Košice</t>
  </si>
  <si>
    <t>4 386,00</t>
  </si>
  <si>
    <t>5 394,78</t>
  </si>
  <si>
    <t>FAP42501350</t>
  </si>
  <si>
    <t>Zálohová platba za náklady na energie 01/2026 RÚ Košice</t>
  </si>
  <si>
    <t>2 777,80</t>
  </si>
  <si>
    <t>3 416,69</t>
  </si>
  <si>
    <t>FAP42501351</t>
  </si>
  <si>
    <t xml:space="preserve">Vyúčtovanie spotreby el. energie elektromerov 10/2025 </t>
  </si>
  <si>
    <t>332,83</t>
  </si>
  <si>
    <t>396,07</t>
  </si>
  <si>
    <t>FAP42501352</t>
  </si>
  <si>
    <t xml:space="preserve">Vyúčtovanie spotreby el. energie 10/2025 </t>
  </si>
  <si>
    <t>14,72</t>
  </si>
  <si>
    <t>17,52</t>
  </si>
  <si>
    <t>FAP42501353</t>
  </si>
  <si>
    <t xml:space="preserve">Odborná prehliadka elektrických spotrebičov </t>
  </si>
  <si>
    <t>1 308,22</t>
  </si>
  <si>
    <t>1 609,11</t>
  </si>
  <si>
    <t>FAP42501354</t>
  </si>
  <si>
    <t>BOZP, OPP, oboznamovanie vodičov - 11/2025</t>
  </si>
  <si>
    <t>113,30</t>
  </si>
  <si>
    <t>139,36</t>
  </si>
  <si>
    <t>FAP42501355</t>
  </si>
  <si>
    <t>BOZP, OPP, PZS - 11/2025</t>
  </si>
  <si>
    <t>FAP42501356</t>
  </si>
  <si>
    <t>BOZP, OPP, oboznamovanie vodičov - 12/2025</t>
  </si>
  <si>
    <t>19,20</t>
  </si>
  <si>
    <t>23,62</t>
  </si>
  <si>
    <t>FAP42501357</t>
  </si>
  <si>
    <t>Slovenská plavba a prístavy - lodná osobná doprava, a.s.</t>
  </si>
  <si>
    <t>Fajnorovo nábrežie 2, 811 02 Bratislava</t>
  </si>
  <si>
    <t>Zabezpečenie priestorov, tech. zabezpečenie, catering pre 28 zamestnancov, RÚ Bratislava - výjazdová porada, v termíne 28.11.2025</t>
  </si>
  <si>
    <t>4 249,58</t>
  </si>
  <si>
    <t>5 046,20</t>
  </si>
  <si>
    <t>FAP42501358</t>
  </si>
  <si>
    <t>Monitoring médií 11/2025</t>
  </si>
  <si>
    <t>395,00</t>
  </si>
  <si>
    <t>485,85</t>
  </si>
  <si>
    <t>FAP42501359</t>
  </si>
  <si>
    <t>Online odborný seminár "Chystáme sa na inventarizáciu majetku, záväzkov a ich rozdielov" pre 1 osobu (08.12.2025)</t>
  </si>
  <si>
    <t>72,36</t>
  </si>
  <si>
    <t>89,00</t>
  </si>
  <si>
    <t>FAP42501360</t>
  </si>
  <si>
    <t>NIO Solutions s.r.o.</t>
  </si>
  <si>
    <t xml:space="preserve">Staré Grunty 9C, 841 04 Bratislava </t>
  </si>
  <si>
    <t>Poradenské a konzultačné služby vo vybraných oblastiach CES</t>
  </si>
  <si>
    <t>2 700,00</t>
  </si>
  <si>
    <t>3 321,00</t>
  </si>
  <si>
    <t>FAP42501361</t>
  </si>
  <si>
    <t>16,50 človekodní na služby (november a december 2025)</t>
  </si>
  <si>
    <t>6 600,00</t>
  </si>
  <si>
    <t>8 118,00</t>
  </si>
  <si>
    <t>231/2024, dodatok 1,2,3</t>
  </si>
  <si>
    <t>FAP42501362</t>
  </si>
  <si>
    <t xml:space="preserve">360 človekodní na služby na 2Q/2025 </t>
  </si>
  <si>
    <t>23 200,00</t>
  </si>
  <si>
    <t>28 536,00</t>
  </si>
  <si>
    <t>FAP42501363</t>
  </si>
  <si>
    <t xml:space="preserve">Roman Roth </t>
  </si>
  <si>
    <t>Hálova 1087/4, 851 01 Bratislava</t>
  </si>
  <si>
    <t>Školenie: Protokol, diplomacia a reprezentácia pre ÚÚPaV SR, 3.-4.12.2025</t>
  </si>
  <si>
    <t>4 000,00</t>
  </si>
  <si>
    <t>FAP42501364</t>
  </si>
  <si>
    <t>FEPA TT s.r.o.</t>
  </si>
  <si>
    <t xml:space="preserve">Ulica Kapitulská 9188/20A, 917 00 Trnava </t>
  </si>
  <si>
    <t>Zabezpečenie priestorov, tech. zabezpečenie, catering pre 35 zamestnancov, RÚ TT, v termíne 03.12.2025</t>
  </si>
  <si>
    <t>1 572,63</t>
  </si>
  <si>
    <t>1 697,50</t>
  </si>
  <si>
    <t>FAP42501365</t>
  </si>
  <si>
    <t>Servisná služba: prehliadka a zabezpečenie TK a EK pre BL397CI, RÚ TN</t>
  </si>
  <si>
    <t>502,03</t>
  </si>
  <si>
    <t>617,50</t>
  </si>
  <si>
    <t>FAP42501366</t>
  </si>
  <si>
    <t>Služby internej VoIP 11/2025 - pobočka Trnava (vice LINK3000+)</t>
  </si>
  <si>
    <t>1 236,53</t>
  </si>
  <si>
    <t>1 520,93</t>
  </si>
  <si>
    <t>FAP42501367</t>
  </si>
  <si>
    <t xml:space="preserve">Služby internej VoIP 11/2025 - ústredie (vice LINK3000+) </t>
  </si>
  <si>
    <t>6 484,16</t>
  </si>
  <si>
    <t>7 975,52</t>
  </si>
  <si>
    <t>FAP42501368</t>
  </si>
  <si>
    <t>Služby internej VoIP 11/2025 - pobočka Trenčín (vice LINK3000+)</t>
  </si>
  <si>
    <t>1 265,76</t>
  </si>
  <si>
    <t>1 556,88</t>
  </si>
  <si>
    <t>FAP42501369</t>
  </si>
  <si>
    <t>Služby internej VoIP 11/2025 - pobočka Žilina (vice LINK3000+)</t>
  </si>
  <si>
    <t>1 301,92</t>
  </si>
  <si>
    <t>1 601,36</t>
  </si>
  <si>
    <t>FAP42501370</t>
  </si>
  <si>
    <t>Služby internej VoIP 11/2025 - pobočka Nitra (vice LINK3000+)</t>
  </si>
  <si>
    <t>1 262,43</t>
  </si>
  <si>
    <t>1 552,79</t>
  </si>
  <si>
    <t>FAP42501371</t>
  </si>
  <si>
    <t>Služby internej VoIP 11/2025 - pobočka BB (vice LINK3000+)</t>
  </si>
  <si>
    <t>1 281,10</t>
  </si>
  <si>
    <t>1 575,75</t>
  </si>
  <si>
    <t>FAP42501372</t>
  </si>
  <si>
    <t>Služby internej VoIP 11/2025 - pobočka Prešov (vice LINK3000+)</t>
  </si>
  <si>
    <t>1 278,03</t>
  </si>
  <si>
    <t>1 571,98</t>
  </si>
  <si>
    <t>FAP42501373</t>
  </si>
  <si>
    <t>Služby internej VoIP 11/2025 - pobočka Košice (vice LINK3000+)</t>
  </si>
  <si>
    <t>1 328,26</t>
  </si>
  <si>
    <t>1 633,76</t>
  </si>
  <si>
    <t>FAP42501374</t>
  </si>
  <si>
    <t xml:space="preserve">Služby internej VoIP 11/2025 - pobočka Bratislava (vice LINK3000+) </t>
  </si>
  <si>
    <t>1 316,36</t>
  </si>
  <si>
    <t>1 619,12</t>
  </si>
  <si>
    <t>FAP42501375</t>
  </si>
  <si>
    <t>Privátna dátová sieť 11/2025 pobočka Bratislava</t>
  </si>
  <si>
    <t>4 920,00</t>
  </si>
  <si>
    <t>FAP42501376</t>
  </si>
  <si>
    <t>Privátna dátová sieť 11/2025 ústredie Bratislava</t>
  </si>
  <si>
    <t>28 500,00</t>
  </si>
  <si>
    <t>35 055,00</t>
  </si>
  <si>
    <t>FAP42501377</t>
  </si>
  <si>
    <t>Privátna dátová sieť 11/2025 serverovňa 2PP</t>
  </si>
  <si>
    <t>13 720,00</t>
  </si>
  <si>
    <t>16 875,60</t>
  </si>
  <si>
    <t>FAP42501378</t>
  </si>
  <si>
    <t>Privátna dátová sieť 11/2025 RÚ Banská Bystrica</t>
  </si>
  <si>
    <t>6 160,00</t>
  </si>
  <si>
    <t>7 576,80</t>
  </si>
  <si>
    <t>FAP42501379</t>
  </si>
  <si>
    <t>Privátna dátová sieť 11/2025 RU Trnava</t>
  </si>
  <si>
    <t>6 970,00</t>
  </si>
  <si>
    <t>8 573,10</t>
  </si>
  <si>
    <t>FAP42501380</t>
  </si>
  <si>
    <t>Privátna dátová sieť 11/2025 RÚ Košice</t>
  </si>
  <si>
    <t>6 510,00</t>
  </si>
  <si>
    <t>8 007,30</t>
  </si>
  <si>
    <t>FAP42501381</t>
  </si>
  <si>
    <t>Privátna dátová sieť 11/2025 RÚ Žilina</t>
  </si>
  <si>
    <t>6 750,00</t>
  </si>
  <si>
    <t>8 302,50</t>
  </si>
  <si>
    <t>FAP42501382</t>
  </si>
  <si>
    <t>Privátna dátová sieť 11/2025 RÚ Nitra</t>
  </si>
  <si>
    <t>5 170,00</t>
  </si>
  <si>
    <t>6 359,10</t>
  </si>
  <si>
    <t>FAP42501383</t>
  </si>
  <si>
    <t>Privátna dátová sieť 11/2025 RÚ Prešov</t>
  </si>
  <si>
    <t>6 560,00</t>
  </si>
  <si>
    <t>8 068,80</t>
  </si>
  <si>
    <t>FAP42501384</t>
  </si>
  <si>
    <t>Privátna dátová sieť 11/2025 RÚ Trenčín</t>
  </si>
  <si>
    <t>7 520,00</t>
  </si>
  <si>
    <t>9 249,60</t>
  </si>
  <si>
    <t>FAP42501385</t>
  </si>
  <si>
    <t>Telefóny, internet za 11/2025 RÚ a ústredie</t>
  </si>
  <si>
    <t>3 762,30</t>
  </si>
  <si>
    <t>4 627,63</t>
  </si>
  <si>
    <t>FAP42501386</t>
  </si>
  <si>
    <t>Stavebné úpravy v priestoroch centrály 9NP</t>
  </si>
  <si>
    <t>9 220,66</t>
  </si>
  <si>
    <t>11 341,41</t>
  </si>
  <si>
    <t>FAP42501387</t>
  </si>
  <si>
    <t>Nájom parkovacích miest 01-03/2026 -Žilina</t>
  </si>
  <si>
    <t>2 400,00</t>
  </si>
  <si>
    <t>2 952,00</t>
  </si>
  <si>
    <t>FAP42501388</t>
  </si>
  <si>
    <t>Nájomné nebytových priestorov 01-03/2026 -Žilina</t>
  </si>
  <si>
    <t>46 528,80</t>
  </si>
  <si>
    <t>FAP42501389</t>
  </si>
  <si>
    <t>Preddavky na vlastné energie 01-03/2026 - Žilina</t>
  </si>
  <si>
    <t>9 771,06</t>
  </si>
  <si>
    <t>12 018,40</t>
  </si>
  <si>
    <t>FAP42501390</t>
  </si>
  <si>
    <t>BOZP, OPP, PZS - 12/2025</t>
  </si>
  <si>
    <t>FAP42501391</t>
  </si>
  <si>
    <t>580,00</t>
  </si>
  <si>
    <t>713,40</t>
  </si>
  <si>
    <t>FAP42501392</t>
  </si>
  <si>
    <t>Vybudovanie a nákup systému kontroly vstupu a úpravu požiarnych dverí RÚ Trnava</t>
  </si>
  <si>
    <t>1 744,60</t>
  </si>
  <si>
    <t>2 145,86</t>
  </si>
  <si>
    <t>FAP42501393</t>
  </si>
  <si>
    <t>2 991,45</t>
  </si>
  <si>
    <t>3 679,48</t>
  </si>
  <si>
    <t>FAP42501394</t>
  </si>
  <si>
    <t>FIN STAV TN s.r.o.</t>
  </si>
  <si>
    <t>Opatovská 682, 911 01 Trenčín</t>
  </si>
  <si>
    <t>Spracovanie projektovej dokumentácie na stavebné úpravy v RÚ Trenčín</t>
  </si>
  <si>
    <t>2 100,00</t>
  </si>
  <si>
    <t>FAP42501395</t>
  </si>
  <si>
    <t>Stravovacia karta 11/2025, 584 ks</t>
  </si>
  <si>
    <t>4 531,51</t>
  </si>
  <si>
    <t>FAP42501396</t>
  </si>
  <si>
    <t>FAP42501397</t>
  </si>
  <si>
    <t>kvalifikovaný elek. Podpis s mandátnym certifikátom - 4ks pre</t>
  </si>
  <si>
    <t>96,00</t>
  </si>
  <si>
    <t>118,08</t>
  </si>
  <si>
    <t>FAP42501398</t>
  </si>
  <si>
    <t xml:space="preserve">Poskytnutie IT služieb Workplace Management 11/2025 </t>
  </si>
  <si>
    <t>8 892,45</t>
  </si>
  <si>
    <t>10 937,71</t>
  </si>
  <si>
    <t>FAP42501399</t>
  </si>
  <si>
    <t>vzdelávacia aktivita: "Odborná príprava pre stavebných inšpektorov"v termíne 18.-21.11.2025</t>
  </si>
  <si>
    <t>10 276,09</t>
  </si>
  <si>
    <t>10 428,60</t>
  </si>
  <si>
    <t>FAP42501400</t>
  </si>
  <si>
    <t>Seminár: "Finančné výkazníctvo subjektov verejnej správy " v termíne 11.12.2025 (1 osoba)</t>
  </si>
  <si>
    <t>96,75</t>
  </si>
  <si>
    <t>119,00</t>
  </si>
  <si>
    <t>FAP42501401</t>
  </si>
  <si>
    <t>Seminár: "Konsolidovaná účtovná závierka" v termíne 09.12.2025 (1 osoba)</t>
  </si>
  <si>
    <t>FAP42501402</t>
  </si>
  <si>
    <t>2 900,00</t>
  </si>
  <si>
    <t>3 567,00</t>
  </si>
  <si>
    <t>FAP42501403</t>
  </si>
  <si>
    <t>Dátový kábel, video kábel</t>
  </si>
  <si>
    <t>80,34</t>
  </si>
  <si>
    <t>98,82</t>
  </si>
  <si>
    <t>Žiadosť o schvalenie vydavku 329/2025</t>
  </si>
  <si>
    <t>FAP42501404</t>
  </si>
  <si>
    <t>USB kluc, dotykove sklo, sluchatka,externy disk</t>
  </si>
  <si>
    <t>718,40</t>
  </si>
  <si>
    <t>883,64</t>
  </si>
  <si>
    <t>Žiadosť o schvalenie vydavku 329/2026</t>
  </si>
  <si>
    <t>FAP42501405</t>
  </si>
  <si>
    <t>Maják do SMV ŠPZ EL268BF pre podpredsedu I. na základe CP zo dňa 20.10.2025</t>
  </si>
  <si>
    <t>812,19</t>
  </si>
  <si>
    <t>999,00</t>
  </si>
  <si>
    <t>FAP42501406</t>
  </si>
  <si>
    <t>Online odborný seminár "Nové trendy na pracovných cestách v roku 2025/2026, cestovné náhrady aj po pracovnej dobe pre 1 osobu (09.12.2025)</t>
  </si>
  <si>
    <t>87,80</t>
  </si>
  <si>
    <t>108,00</t>
  </si>
  <si>
    <t>FAP42501407</t>
  </si>
  <si>
    <t>ZEBRA STUDIO s.r.o.</t>
  </si>
  <si>
    <t>Somolického 1874/62, 039 01 Turčianske Teplice</t>
  </si>
  <si>
    <t>Vonkajšia elektronická úradná tabuľa</t>
  </si>
  <si>
    <t>12 764,64</t>
  </si>
  <si>
    <t>15 700,51</t>
  </si>
  <si>
    <t>168/2025</t>
  </si>
  <si>
    <t>FAP42501408</t>
  </si>
  <si>
    <t>Online odborný seminár Aplikácia zákona v správnom konaní</t>
  </si>
  <si>
    <t>FAP42501409</t>
  </si>
  <si>
    <t xml:space="preserve">Poštové služby  (podaj zásielok) 11/2025 </t>
  </si>
  <si>
    <t>14,31</t>
  </si>
  <si>
    <t>FAP42501411</t>
  </si>
  <si>
    <t xml:space="preserve">Poštové služby 11/2025 RÚ </t>
  </si>
  <si>
    <t>4 416,85</t>
  </si>
  <si>
    <t>4 423,34</t>
  </si>
  <si>
    <t>FAP42501412</t>
  </si>
  <si>
    <t>Servisná služba: prehliadka KIA Ceed kombi AA813XG, centrála ÚÚPV SR</t>
  </si>
  <si>
    <t>186,70</t>
  </si>
  <si>
    <t>229,64</t>
  </si>
  <si>
    <t>FAP42501413</t>
  </si>
  <si>
    <t>SOITRON, s.r.o.</t>
  </si>
  <si>
    <t>Plynárenská 5, 829 75 Bratislava</t>
  </si>
  <si>
    <t>Dodanie, konfigurácia a nasadenie hardveroveho servera + prístup na zaklade licencie SaaS</t>
  </si>
  <si>
    <t>137 920,00</t>
  </si>
  <si>
    <t>169 641,60</t>
  </si>
  <si>
    <t>191/2025</t>
  </si>
  <si>
    <t>FAP42501414</t>
  </si>
  <si>
    <t>Analýza prostredia  -1. faza diela</t>
  </si>
  <si>
    <t>26 760,00</t>
  </si>
  <si>
    <t>32 914,80</t>
  </si>
  <si>
    <t>186/2025</t>
  </si>
  <si>
    <t>FAP42501415</t>
  </si>
  <si>
    <t>Vytvorenie cieľového konceptu - 2. fáza diela</t>
  </si>
  <si>
    <t>53 520,00</t>
  </si>
  <si>
    <t>65 829,60</t>
  </si>
  <si>
    <t>FAP42501416</t>
  </si>
  <si>
    <t xml:space="preserve">detailný návrh riešenia - 3. fáza Diela </t>
  </si>
  <si>
    <t>FAP42501417</t>
  </si>
  <si>
    <t>4BREEZE  s.r.o.</t>
  </si>
  <si>
    <t>Bílkova 855/19, 110 00 Praha, Česká republika</t>
  </si>
  <si>
    <t>Prístup do softwaru SaaS po 12 mesiacov, Implementacia cloudovej platformy IT</t>
  </si>
  <si>
    <t>60 550,00</t>
  </si>
  <si>
    <t>201/2025</t>
  </si>
  <si>
    <t>FAP42501418</t>
  </si>
  <si>
    <t>NEOXX a.s.</t>
  </si>
  <si>
    <t xml:space="preserve">Ružová dolina 8, 821 09 Bratislava </t>
  </si>
  <si>
    <t>Implementácia a integrácia dochádzkového systému</t>
  </si>
  <si>
    <t>73 720,00</t>
  </si>
  <si>
    <t>90 675,60</t>
  </si>
  <si>
    <t>194/2025</t>
  </si>
  <si>
    <t>FAP42501419</t>
  </si>
  <si>
    <t>AP Media s.r.o</t>
  </si>
  <si>
    <t>Na Vrátkach 3410/1C 841 01 Bratislava</t>
  </si>
  <si>
    <t>Dodanie a inštalácia audiovizuálnej techniky pre konferenčné miestnosti</t>
  </si>
  <si>
    <t>140 317,69</t>
  </si>
  <si>
    <t>172 590,75</t>
  </si>
  <si>
    <t>192/2025</t>
  </si>
  <si>
    <t>FAP42501420</t>
  </si>
  <si>
    <t>Dodanie a montáž sedacieho nábytku - RÚ Žilina</t>
  </si>
  <si>
    <t>227,84</t>
  </si>
  <si>
    <t>280,24</t>
  </si>
  <si>
    <t>FAP42501421</t>
  </si>
  <si>
    <t>HERKI, s.r.o.</t>
  </si>
  <si>
    <t>Andreja Hlinku 20/A, 917 01 Trnava</t>
  </si>
  <si>
    <t>Konzultačné služby na rozvoj elektronických formulárov</t>
  </si>
  <si>
    <t>21 600,00</t>
  </si>
  <si>
    <t>26 568,00</t>
  </si>
  <si>
    <t>182/2025</t>
  </si>
  <si>
    <t>FAP42501422</t>
  </si>
  <si>
    <t>2 091,12</t>
  </si>
  <si>
    <t>FAP42501423</t>
  </si>
  <si>
    <t>Tatry mountain resorts, a.s.</t>
  </si>
  <si>
    <t>Demänovská Dolina 72, 031 01 Liptovský Mikuláš</t>
  </si>
  <si>
    <t>Zabezpečenie priestorov, cateringu, tech. zabezpečenia a ozvučenia priestoru</t>
  </si>
  <si>
    <t>14 712,63</t>
  </si>
  <si>
    <t>16 421,01</t>
  </si>
  <si>
    <t>FAP42501424</t>
  </si>
  <si>
    <t>Polep presklenia na ústredí ÚÚPV SR</t>
  </si>
  <si>
    <t>9 503,56</t>
  </si>
  <si>
    <t>11 689,38</t>
  </si>
  <si>
    <t>FAP42501425</t>
  </si>
  <si>
    <t>Vybudovanie zásuviek pre nabíjanie elektromobilov 12/2025</t>
  </si>
  <si>
    <t>3 781,63</t>
  </si>
  <si>
    <t>4 651,40</t>
  </si>
  <si>
    <t>FAP42501426</t>
  </si>
  <si>
    <t>Kancelársky nábytok pre RÚ Nitra, Bratislava, Prešov, Banská Bystrica</t>
  </si>
  <si>
    <t>3 560,00</t>
  </si>
  <si>
    <t>4 378,80</t>
  </si>
  <si>
    <t>FAP42501427</t>
  </si>
  <si>
    <t>Nákup motorového vozidla HYUNDAI Tucson</t>
  </si>
  <si>
    <t>29 013,81</t>
  </si>
  <si>
    <t>35 686,99</t>
  </si>
  <si>
    <t>197/2025</t>
  </si>
  <si>
    <t>FAP42501428</t>
  </si>
  <si>
    <t>FAP42501429</t>
  </si>
  <si>
    <t> 2602025, 3162025, 3752025</t>
  </si>
  <si>
    <t>FAP42501430</t>
  </si>
  <si>
    <t>FAP42501431</t>
  </si>
  <si>
    <t>Poskytnutá služba a sprístupnená Licencia Nástroja na podporu kontrolnej činnosti stavebných inšpektorov</t>
  </si>
  <si>
    <t>120 120,00</t>
  </si>
  <si>
    <t>147 747,60</t>
  </si>
  <si>
    <t>204/2025</t>
  </si>
  <si>
    <t>FAP42501432</t>
  </si>
  <si>
    <t>Protokolárne dary s logom ÚÚPV SR</t>
  </si>
  <si>
    <t>4 749,39</t>
  </si>
  <si>
    <t>5 841,75</t>
  </si>
  <si>
    <t>FAP42501433</t>
  </si>
  <si>
    <t>4 800,00</t>
  </si>
  <si>
    <t>5 904,00</t>
  </si>
  <si>
    <t>FAP42501434</t>
  </si>
  <si>
    <t>308 človekodní na služby (november a december 2025)</t>
  </si>
  <si>
    <t>91 200,00</t>
  </si>
  <si>
    <t>112 176,00</t>
  </si>
  <si>
    <t>FAP42501435</t>
  </si>
  <si>
    <t>219,45 človekodní na služby (november a december 2025)</t>
  </si>
  <si>
    <t>74 980,00</t>
  </si>
  <si>
    <t>92 225,40</t>
  </si>
  <si>
    <t>FAP42501436</t>
  </si>
  <si>
    <t>Servisná služba: prehliadka KIA Ceed  AA804XG, RÚ NT</t>
  </si>
  <si>
    <t>276,69</t>
  </si>
  <si>
    <t>340,33</t>
  </si>
  <si>
    <t>FAP42501437</t>
  </si>
  <si>
    <t>Servisná služba: prehliadka KIA Ceed combi AA637IB, RÚ Prešov</t>
  </si>
  <si>
    <t>191,19</t>
  </si>
  <si>
    <t>235,16</t>
  </si>
  <si>
    <t>FAP42501438</t>
  </si>
  <si>
    <t>Servisná služba: prehliadka KIA Ceed kombi AA559IG</t>
  </si>
  <si>
    <t>317,67</t>
  </si>
  <si>
    <t>390,73</t>
  </si>
  <si>
    <t>FAP42501439</t>
  </si>
  <si>
    <t>kontrolu bŕzd a výmenu stieračov na vozidle Škoda Fabia AA184BT</t>
  </si>
  <si>
    <t>139,96</t>
  </si>
  <si>
    <t>172,15</t>
  </si>
  <si>
    <t>FAP42501440</t>
  </si>
  <si>
    <t>Servisná služba: prehliadka KIA Ceed kombi AA043XG, RÚ BB</t>
  </si>
  <si>
    <t>342,45</t>
  </si>
  <si>
    <t>421,21</t>
  </si>
  <si>
    <t>FAP42501441</t>
  </si>
  <si>
    <t>Servisná služba: prehliadka KIA Ceed kombi AA025XG, RÚ BB</t>
  </si>
  <si>
    <t>FAP42501442</t>
  </si>
  <si>
    <t>Servisná služba: prehliadka KIA Ceed kombi AA021XG, RÚ BB</t>
  </si>
  <si>
    <t>FAP42501443</t>
  </si>
  <si>
    <t>servisná služba: prehliadka vozidla Citroen C5 Aircross AA337EX, centrála ÚÚPV SR</t>
  </si>
  <si>
    <t>527,82</t>
  </si>
  <si>
    <t>649,22</t>
  </si>
  <si>
    <t>FAP42501444</t>
  </si>
  <si>
    <t xml:space="preserve">J&amp;L Podlahy </t>
  </si>
  <si>
    <t>Tolstého 5, 811 06 Bratislava</t>
  </si>
  <si>
    <t>Dodanie a pokládka koberca RÚ Trnava</t>
  </si>
  <si>
    <t>1 638,50</t>
  </si>
  <si>
    <t>2 015,36</t>
  </si>
  <si>
    <t>FAP42501445</t>
  </si>
  <si>
    <t>Konzultácia a konfigurácia DNS systémov</t>
  </si>
  <si>
    <t>FAP42501446</t>
  </si>
  <si>
    <t>Modul prítomnosti - Riešitelia, schvaľovatelia, korekcia žiadostí</t>
  </si>
  <si>
    <t>FAP42501447</t>
  </si>
  <si>
    <t>Servisná služba: prehliadka a výmena oleja - KIA XCeed - AA044XG</t>
  </si>
  <si>
    <t>FAP42501448</t>
  </si>
  <si>
    <t>Servisná služba: prehliadka a výmena oleja - KIA Ceed SW AA558IG</t>
  </si>
  <si>
    <t>FAP42501449</t>
  </si>
  <si>
    <t>Servisná služba: prehliadka a výmena ojeja - KIA Sportage  EL735BF</t>
  </si>
  <si>
    <t>400,98</t>
  </si>
  <si>
    <t>493,21</t>
  </si>
  <si>
    <t>FAP42501450</t>
  </si>
  <si>
    <t>Servisná služba: kontrola technického stavu, TK + EK - DACIA BL323PZ</t>
  </si>
  <si>
    <t>222,90</t>
  </si>
  <si>
    <t>274,17</t>
  </si>
  <si>
    <t>FAP42501451</t>
  </si>
  <si>
    <t>Upratovacie práce v objektoch UUPaV v termíne 01.11.2025 do 30.11.2025 (Centrála BA, RÚ BA, RÚ TT, RÚ TN)</t>
  </si>
  <si>
    <t>9 280,79</t>
  </si>
  <si>
    <t>11 415,37</t>
  </si>
  <si>
    <t>FAP42501452</t>
  </si>
  <si>
    <t>Spotreba energie 11/2025</t>
  </si>
  <si>
    <t>17,61</t>
  </si>
  <si>
    <t>20,96</t>
  </si>
  <si>
    <t>FAP42501453</t>
  </si>
  <si>
    <t>Spotreba energie chladenie, kúrenie, vzduchotechnika 11/2025 - RÚ Banská Bystrica</t>
  </si>
  <si>
    <t>980,42</t>
  </si>
  <si>
    <t>1 166,70</t>
  </si>
  <si>
    <t>214_2023, Dodatok č. 1-3</t>
  </si>
  <si>
    <t>FAP42501454</t>
  </si>
  <si>
    <t>Spotreba energie, el., vodné-stočné 11/25</t>
  </si>
  <si>
    <t>2 214,11</t>
  </si>
  <si>
    <t>2 638,78</t>
  </si>
  <si>
    <t>FAP42501455</t>
  </si>
  <si>
    <t>Hedin Automotive Bratislava s.r.o.</t>
  </si>
  <si>
    <t xml:space="preserve">Tuhovská 7, 831 07 Bratislava </t>
  </si>
  <si>
    <t>Nákup motorového vozidla KIA CEED 1,5 T-Gdi 7DCT GOLD</t>
  </si>
  <si>
    <t>17 326,02</t>
  </si>
  <si>
    <t>21 311,00</t>
  </si>
  <si>
    <t>196/2025</t>
  </si>
  <si>
    <t>FAP42501456</t>
  </si>
  <si>
    <t>FAP42501457</t>
  </si>
  <si>
    <t>FAP42501458</t>
  </si>
  <si>
    <t>FAP42501459</t>
  </si>
  <si>
    <t>FAP42501460</t>
  </si>
  <si>
    <t>FAP42501461</t>
  </si>
  <si>
    <t>FAP42501462</t>
  </si>
  <si>
    <t>FAP42501463</t>
  </si>
  <si>
    <t>FAP42501464</t>
  </si>
  <si>
    <t>FAP42501465</t>
  </si>
  <si>
    <t>FAP42501466</t>
  </si>
  <si>
    <t>FAP42501467</t>
  </si>
  <si>
    <t>SULKA s.r.o.</t>
  </si>
  <si>
    <t>Gorkého 3, 811 01 Bratislava</t>
  </si>
  <si>
    <t>Nákup priemyselných filtrov K2 na osobnú ochranu dých. orgánov</t>
  </si>
  <si>
    <t>518,00</t>
  </si>
  <si>
    <t>637,14</t>
  </si>
  <si>
    <t>FAP42501468</t>
  </si>
  <si>
    <t>10 000,00</t>
  </si>
  <si>
    <t>12 300,00</t>
  </si>
  <si>
    <t>FAP42501469</t>
  </si>
  <si>
    <t>Vzdelávacia aktivita: "Nový zákon o ochrane osobných údajov od r. 2026 - prehľad zmien a povinnosti"  pre 1 osobu</t>
  </si>
  <si>
    <t>78,00</t>
  </si>
  <si>
    <t>95,94</t>
  </si>
  <si>
    <t>FAP42501470</t>
  </si>
  <si>
    <t>IGGY-TRADE s.r.o.</t>
  </si>
  <si>
    <t>Vodná 1126/19, 949 01 Nitra</t>
  </si>
  <si>
    <t>Interiérové vybavenie - mobilný paravan</t>
  </si>
  <si>
    <t>25 091,00</t>
  </si>
  <si>
    <t>30 861,93</t>
  </si>
  <si>
    <t>FAP42501472</t>
  </si>
  <si>
    <t>355,00</t>
  </si>
  <si>
    <t>436,65</t>
  </si>
  <si>
    <t>FAP42501473</t>
  </si>
  <si>
    <t>497,00</t>
  </si>
  <si>
    <t>611,31</t>
  </si>
  <si>
    <t>FAP42501474</t>
  </si>
  <si>
    <t>FAP42501475</t>
  </si>
  <si>
    <t>Kancelársky nábytok pre RÚ Košice</t>
  </si>
  <si>
    <t>1 540,00</t>
  </si>
  <si>
    <t>1 894,20</t>
  </si>
  <si>
    <t>FAP42501477</t>
  </si>
  <si>
    <t>Servisná služba: prehliadka KIA Ceed AA481XG</t>
  </si>
  <si>
    <t>FAP42501478</t>
  </si>
  <si>
    <t>Servisná služba: prehliadka KIA Ceed AA803XG</t>
  </si>
  <si>
    <t>FAP42501479</t>
  </si>
  <si>
    <t>Servisná služba: prehliadka KIA Ceed AA555IG</t>
  </si>
  <si>
    <t>331,51</t>
  </si>
  <si>
    <t>407,76</t>
  </si>
  <si>
    <t>FAP42501480</t>
  </si>
  <si>
    <t>Servisná služba: prehliadka KIA Ceed EL792BF</t>
  </si>
  <si>
    <t>FAP42501481</t>
  </si>
  <si>
    <t>Servisná služba: prehliadka KIA Ceed EL744BF</t>
  </si>
  <si>
    <t>397,83</t>
  </si>
  <si>
    <t>489,33</t>
  </si>
  <si>
    <t>FAP42501482</t>
  </si>
  <si>
    <t>MacBook Pro 14 M5 SK 2025(1ks), poistenie predĺženej  záruky+3 roky, doprava</t>
  </si>
  <si>
    <t>2 770,76</t>
  </si>
  <si>
    <t>3 304,71</t>
  </si>
  <si>
    <t>FAP42501483</t>
  </si>
  <si>
    <t>ENPEER s.r.o.</t>
  </si>
  <si>
    <t>vypracovanie šablón a metodiky pre sys.tvorbu IT stratégie úradu</t>
  </si>
  <si>
    <t>4 998,00</t>
  </si>
  <si>
    <t>6 147,54</t>
  </si>
  <si>
    <t>FAP42501486</t>
  </si>
  <si>
    <t>Ružová dolina 8, 821 09 Bratislava</t>
  </si>
  <si>
    <t>Dodanie, implementácia a konfigurácia softvéru a prístup do softv.prostredia /licencie na 24 mesiacov</t>
  </si>
  <si>
    <t>119 496,00</t>
  </si>
  <si>
    <t>146 980,08</t>
  </si>
  <si>
    <t>205/2025</t>
  </si>
  <si>
    <t>FAP42500184</t>
  </si>
  <si>
    <t>FAP42500185</t>
  </si>
  <si>
    <t>Nájomné 4/2025  - RÚ Nitra</t>
  </si>
  <si>
    <t>Náklady na energie a služby 4/2025</t>
  </si>
  <si>
    <t>FAP42500189</t>
  </si>
  <si>
    <t>Právne služby 02/2025</t>
  </si>
  <si>
    <t>FAP42500282</t>
  </si>
  <si>
    <t>FAP42500283</t>
  </si>
  <si>
    <t>FAP42500284</t>
  </si>
  <si>
    <t>Nájomné za kanc., ostatné, zdieľané priest.,parkov.mies. 05/2025</t>
  </si>
  <si>
    <t>Náklady na energie a služby 5/2025</t>
  </si>
  <si>
    <t>Nájomné za nové parkovacie miesta  4,5/2025</t>
  </si>
  <si>
    <t>FAP42500294</t>
  </si>
  <si>
    <t>Sťahovacie služby- RÚ Bratislava, Nitra, Banská Bystrica, Žilina, Košice</t>
  </si>
  <si>
    <t>FAP42500301</t>
  </si>
  <si>
    <t>FAP42500302</t>
  </si>
  <si>
    <t>FAP42500303</t>
  </si>
  <si>
    <t>FAP42500304</t>
  </si>
  <si>
    <t>FAP42500305</t>
  </si>
  <si>
    <t>FAP42500306</t>
  </si>
  <si>
    <t>FAP42500307</t>
  </si>
  <si>
    <t>FAP42500308</t>
  </si>
  <si>
    <t>FAP42500309</t>
  </si>
  <si>
    <t>FAP42500310</t>
  </si>
  <si>
    <t>FAP42500311</t>
  </si>
  <si>
    <t>BOZP, OPP, PZS - 3/2025</t>
  </si>
  <si>
    <t>Nájom motorových vozidiel 03/2025 (EVČ: AA530KM)</t>
  </si>
  <si>
    <t>Nájom motorových vozidiel 03/2025 (EVČ: AA326JT)</t>
  </si>
  <si>
    <t>Nájom motorových vozidiel 03/2025 (EVČ: AA323JT)</t>
  </si>
  <si>
    <t>Nájom motorových vozidiel 03/2025 (EVČ: AA451PP)</t>
  </si>
  <si>
    <t>Nájom motorových vozidiel 03/2025 (EVČ: AA324JT)</t>
  </si>
  <si>
    <t>Nájom motorových vozidiel 03/2025 (EVČ: AA325JT)</t>
  </si>
  <si>
    <t>Nájom motorových vozidiel 03/2025 (EVČ: AA327JT)</t>
  </si>
  <si>
    <t>Nájom motorových vozidiel 3/2025 (EVČ: AA321JT)</t>
  </si>
  <si>
    <t xml:space="preserve"> Z20247579_Z</t>
  </si>
  <si>
    <t>PHM, umytie auta, servis a údržba 03/25</t>
  </si>
  <si>
    <t>FAP42500315</t>
  </si>
  <si>
    <t>Kancelársky nábytok pre centrálu a RÚ</t>
  </si>
  <si>
    <t>322025, 352025</t>
  </si>
  <si>
    <t>FAP42500669</t>
  </si>
  <si>
    <t>FAP42500840</t>
  </si>
  <si>
    <t>Poplatky za služby pevnej linky 03/2025 (SSI)</t>
  </si>
  <si>
    <t>FAP42500981</t>
  </si>
  <si>
    <t>Z20247579_Z</t>
  </si>
  <si>
    <t>FAP42501015</t>
  </si>
  <si>
    <t>Mesač.poplatok 03/2025 (SSI)</t>
  </si>
  <si>
    <t>48/2025</t>
  </si>
  <si>
    <t>55/2025</t>
  </si>
  <si>
    <t>41/2025</t>
  </si>
  <si>
    <t>FAP42500314</t>
  </si>
  <si>
    <t>Visual Paradigm International Ltd.</t>
  </si>
  <si>
    <t>1802,18/F,Laford Center, 838 Lai Chi Kok Road, KLN, Hong Kong</t>
  </si>
  <si>
    <t xml:space="preserve">  ---</t>
  </si>
  <si>
    <t xml:space="preserve">Visual Paradigm Enterprise One-year Maintenance </t>
  </si>
  <si>
    <t>600 USD</t>
  </si>
  <si>
    <t>FAP42500837</t>
  </si>
  <si>
    <t>Prijatý preddavok na nastavenie DEKV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_(* #,##0.00_);_(* \(#,##0.00\);_(* &quot;-&quot;??_);_(@_)"/>
    <numFmt numFmtId="165" formatCode="_-* #,##0.00\ _€_-;\-* #,##0.00\ _€_-;_-* &quot;-&quot;??\ _€_-;_-@_-"/>
  </numFmts>
  <fonts count="16" x14ac:knownFonts="1">
    <font>
      <sz val="11"/>
      <color theme="1"/>
      <name val="Calibri"/>
      <family val="2"/>
      <charset val="238"/>
      <scheme val="minor"/>
    </font>
    <font>
      <b/>
      <sz val="11"/>
      <color theme="0"/>
      <name val="Calibri"/>
      <family val="2"/>
    </font>
    <font>
      <sz val="11"/>
      <name val="Calibri"/>
      <family val="2"/>
      <charset val="238"/>
      <scheme val="minor"/>
    </font>
    <font>
      <sz val="11"/>
      <name val="Calibri"/>
      <family val="2"/>
    </font>
    <font>
      <sz val="11"/>
      <name val="Calibri"/>
      <family val="2"/>
      <scheme val="minor"/>
    </font>
    <font>
      <sz val="10"/>
      <name val="Calibri"/>
      <family val="2"/>
    </font>
    <font>
      <sz val="10"/>
      <color rgb="FF000000"/>
      <name val="Calibri"/>
      <family val="2"/>
      <charset val="238"/>
    </font>
    <font>
      <sz val="8"/>
      <name val="Calibri"/>
      <family val="2"/>
    </font>
    <font>
      <sz val="11"/>
      <color rgb="FFFF0000"/>
      <name val="Calibri"/>
      <family val="2"/>
      <charset val="238"/>
      <scheme val="minor"/>
    </font>
    <font>
      <sz val="11"/>
      <color rgb="FF000000"/>
      <name val="Calibri"/>
      <family val="2"/>
      <charset val="238"/>
    </font>
    <font>
      <sz val="8"/>
      <name val="Calibri"/>
      <family val="2"/>
      <charset val="238"/>
    </font>
    <font>
      <sz val="11"/>
      <color rgb="FF000000"/>
      <name val="Calibri"/>
      <family val="2"/>
      <charset val="238"/>
      <scheme val="minor"/>
    </font>
    <font>
      <sz val="11"/>
      <name val="Calibri"/>
      <family val="2"/>
      <charset val="238"/>
    </font>
    <font>
      <u/>
      <sz val="11"/>
      <color theme="10"/>
      <name val="Calibri"/>
      <family val="2"/>
      <charset val="238"/>
      <scheme val="minor"/>
    </font>
    <font>
      <sz val="11"/>
      <color rgb="FF000000"/>
      <name val="Calibri"/>
      <family val="2"/>
    </font>
    <font>
      <sz val="11"/>
      <color rgb="FF000000"/>
      <name val="Aptos Narrow"/>
      <family val="2"/>
    </font>
  </fonts>
  <fills count="6">
    <fill>
      <patternFill patternType="none"/>
    </fill>
    <fill>
      <patternFill patternType="gray125"/>
    </fill>
    <fill>
      <patternFill patternType="solid">
        <fgColor rgb="FF1E4E9D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  <fill>
      <patternFill patternType="solid">
        <fgColor theme="4" tint="0.79998168889431442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13" fillId="0" borderId="0" applyNumberFormat="0" applyFill="0" applyBorder="0" applyAlignment="0" applyProtection="0"/>
  </cellStyleXfs>
  <cellXfs count="340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49" fontId="1" fillId="2" borderId="1" xfId="0" applyNumberFormat="1" applyFont="1" applyFill="1" applyBorder="1" applyAlignment="1">
      <alignment horizontal="left" vertical="center" wrapText="1"/>
    </xf>
    <xf numFmtId="14" fontId="1" fillId="2" borderId="1" xfId="0" applyNumberFormat="1" applyFont="1" applyFill="1" applyBorder="1" applyAlignment="1">
      <alignment horizontal="center" vertical="center" wrapText="1"/>
    </xf>
    <xf numFmtId="165" fontId="1" fillId="2" borderId="1" xfId="0" applyNumberFormat="1" applyFont="1" applyFill="1" applyBorder="1" applyAlignment="1">
      <alignment horizontal="center" vertical="center" wrapText="1"/>
    </xf>
    <xf numFmtId="0" fontId="0" fillId="3" borderId="1" xfId="0" applyFill="1" applyBorder="1" applyAlignment="1">
      <alignment horizontal="left"/>
    </xf>
    <xf numFmtId="4" fontId="0" fillId="3" borderId="1" xfId="0" applyNumberFormat="1" applyFill="1" applyBorder="1"/>
    <xf numFmtId="4" fontId="0" fillId="3" borderId="1" xfId="0" applyNumberFormat="1" applyFill="1" applyBorder="1" applyAlignment="1">
      <alignment horizontal="right"/>
    </xf>
    <xf numFmtId="0" fontId="0" fillId="3" borderId="1" xfId="0" applyFill="1" applyBorder="1" applyAlignment="1">
      <alignment horizontal="left" wrapText="1"/>
    </xf>
    <xf numFmtId="0" fontId="0" fillId="0" borderId="1" xfId="0" applyBorder="1"/>
    <xf numFmtId="0" fontId="0" fillId="0" borderId="1" xfId="0" applyBorder="1" applyAlignment="1">
      <alignment horizontal="left"/>
    </xf>
    <xf numFmtId="4" fontId="0" fillId="0" borderId="1" xfId="0" applyNumberFormat="1" applyBorder="1" applyAlignment="1">
      <alignment horizontal="right"/>
    </xf>
    <xf numFmtId="0" fontId="0" fillId="0" borderId="1" xfId="0" applyBorder="1" applyAlignment="1">
      <alignment horizontal="left" wrapText="1"/>
    </xf>
    <xf numFmtId="0" fontId="0" fillId="0" borderId="2" xfId="0" applyBorder="1"/>
    <xf numFmtId="4" fontId="0" fillId="0" borderId="2" xfId="0" applyNumberFormat="1" applyBorder="1" applyAlignment="1">
      <alignment horizontal="right"/>
    </xf>
    <xf numFmtId="0" fontId="2" fillId="3" borderId="1" xfId="0" applyFont="1" applyFill="1" applyBorder="1" applyAlignment="1">
      <alignment horizontal="left"/>
    </xf>
    <xf numFmtId="0" fontId="2" fillId="0" borderId="1" xfId="0" applyFont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0" fontId="4" fillId="0" borderId="1" xfId="0" applyFont="1" applyBorder="1" applyAlignment="1">
      <alignment horizontal="left"/>
    </xf>
    <xf numFmtId="4" fontId="4" fillId="0" borderId="1" xfId="0" applyNumberFormat="1" applyFont="1" applyBorder="1" applyAlignment="1">
      <alignment horizontal="right"/>
    </xf>
    <xf numFmtId="0" fontId="0" fillId="0" borderId="3" xfId="0" applyBorder="1" applyAlignment="1">
      <alignment horizontal="left"/>
    </xf>
    <xf numFmtId="0" fontId="0" fillId="0" borderId="4" xfId="0" applyBorder="1" applyAlignment="1">
      <alignment horizontal="left"/>
    </xf>
    <xf numFmtId="0" fontId="4" fillId="3" borderId="1" xfId="0" applyFont="1" applyFill="1" applyBorder="1" applyAlignment="1">
      <alignment horizontal="left"/>
    </xf>
    <xf numFmtId="4" fontId="4" fillId="3" borderId="1" xfId="0" applyNumberFormat="1" applyFont="1" applyFill="1" applyBorder="1" applyAlignment="1">
      <alignment horizontal="right"/>
    </xf>
    <xf numFmtId="0" fontId="4" fillId="3" borderId="1" xfId="0" applyFont="1" applyFill="1" applyBorder="1" applyAlignment="1">
      <alignment horizontal="left" wrapText="1"/>
    </xf>
    <xf numFmtId="0" fontId="3" fillId="3" borderId="1" xfId="0" applyFont="1" applyFill="1" applyBorder="1" applyAlignment="1">
      <alignment horizontal="left"/>
    </xf>
    <xf numFmtId="0" fontId="4" fillId="3" borderId="4" xfId="0" applyFont="1" applyFill="1" applyBorder="1" applyAlignment="1">
      <alignment horizontal="left"/>
    </xf>
    <xf numFmtId="0" fontId="4" fillId="3" borderId="3" xfId="0" applyFont="1" applyFill="1" applyBorder="1" applyAlignment="1">
      <alignment horizontal="left"/>
    </xf>
    <xf numFmtId="0" fontId="4" fillId="3" borderId="2" xfId="0" applyFont="1" applyFill="1" applyBorder="1" applyAlignment="1">
      <alignment horizontal="left"/>
    </xf>
    <xf numFmtId="0" fontId="4" fillId="0" borderId="2" xfId="0" applyFont="1" applyBorder="1" applyAlignment="1">
      <alignment horizontal="left"/>
    </xf>
    <xf numFmtId="0" fontId="6" fillId="0" borderId="1" xfId="0" applyFont="1" applyBorder="1" applyAlignment="1">
      <alignment horizontal="left" wrapText="1"/>
    </xf>
    <xf numFmtId="0" fontId="4" fillId="3" borderId="5" xfId="0" applyFont="1" applyFill="1" applyBorder="1" applyAlignment="1">
      <alignment horizontal="left"/>
    </xf>
    <xf numFmtId="0" fontId="0" fillId="3" borderId="1" xfId="0" applyFill="1" applyBorder="1"/>
    <xf numFmtId="0" fontId="2" fillId="0" borderId="1" xfId="0" applyFont="1" applyBorder="1"/>
    <xf numFmtId="0" fontId="7" fillId="3" borderId="1" xfId="0" applyFont="1" applyFill="1" applyBorder="1" applyAlignment="1">
      <alignment horizontal="left" vertical="top" wrapText="1"/>
    </xf>
    <xf numFmtId="14" fontId="0" fillId="0" borderId="1" xfId="0" applyNumberFormat="1" applyBorder="1" applyAlignment="1">
      <alignment horizontal="left"/>
    </xf>
    <xf numFmtId="0" fontId="0" fillId="3" borderId="6" xfId="0" applyFill="1" applyBorder="1"/>
    <xf numFmtId="0" fontId="0" fillId="0" borderId="0" xfId="0" applyAlignment="1">
      <alignment horizontal="left"/>
    </xf>
    <xf numFmtId="0" fontId="9" fillId="3" borderId="1" xfId="0" applyFont="1" applyFill="1" applyBorder="1" applyAlignment="1">
      <alignment horizontal="left"/>
    </xf>
    <xf numFmtId="4" fontId="9" fillId="3" borderId="1" xfId="0" applyNumberFormat="1" applyFont="1" applyFill="1" applyBorder="1" applyAlignment="1">
      <alignment horizontal="right"/>
    </xf>
    <xf numFmtId="0" fontId="2" fillId="3" borderId="1" xfId="0" applyFont="1" applyFill="1" applyBorder="1"/>
    <xf numFmtId="0" fontId="8" fillId="0" borderId="1" xfId="0" applyFont="1" applyBorder="1" applyAlignment="1">
      <alignment horizontal="left"/>
    </xf>
    <xf numFmtId="0" fontId="0" fillId="0" borderId="6" xfId="0" applyBorder="1"/>
    <xf numFmtId="0" fontId="2" fillId="0" borderId="3" xfId="0" applyFont="1" applyBorder="1" applyAlignment="1">
      <alignment horizontal="left"/>
    </xf>
    <xf numFmtId="4" fontId="2" fillId="0" borderId="1" xfId="0" applyNumberFormat="1" applyFont="1" applyBorder="1" applyAlignment="1">
      <alignment horizontal="right"/>
    </xf>
    <xf numFmtId="0" fontId="0" fillId="0" borderId="7" xfId="0" applyBorder="1"/>
    <xf numFmtId="0" fontId="0" fillId="0" borderId="4" xfId="0" applyBorder="1" applyAlignment="1">
      <alignment horizontal="left" wrapText="1"/>
    </xf>
    <xf numFmtId="0" fontId="4" fillId="3" borderId="4" xfId="0" applyFont="1" applyFill="1" applyBorder="1" applyAlignment="1">
      <alignment horizontal="left" wrapText="1"/>
    </xf>
    <xf numFmtId="0" fontId="0" fillId="3" borderId="4" xfId="0" applyFill="1" applyBorder="1" applyAlignment="1">
      <alignment horizontal="left" wrapText="1"/>
    </xf>
    <xf numFmtId="0" fontId="2" fillId="0" borderId="4" xfId="0" applyFont="1" applyBorder="1" applyAlignment="1">
      <alignment horizontal="left" wrapText="1"/>
    </xf>
    <xf numFmtId="0" fontId="5" fillId="3" borderId="4" xfId="0" applyFont="1" applyFill="1" applyBorder="1" applyAlignment="1">
      <alignment horizontal="left" wrapText="1"/>
    </xf>
    <xf numFmtId="0" fontId="2" fillId="3" borderId="4" xfId="0" applyFont="1" applyFill="1" applyBorder="1" applyAlignment="1">
      <alignment horizontal="left" wrapText="1"/>
    </xf>
    <xf numFmtId="0" fontId="6" fillId="0" borderId="4" xfId="0" applyFont="1" applyBorder="1" applyAlignment="1">
      <alignment horizontal="left" wrapText="1"/>
    </xf>
    <xf numFmtId="0" fontId="4" fillId="0" borderId="4" xfId="0" applyFont="1" applyBorder="1" applyAlignment="1">
      <alignment horizontal="left" wrapText="1"/>
    </xf>
    <xf numFmtId="0" fontId="0" fillId="0" borderId="5" xfId="0" applyBorder="1" applyAlignment="1">
      <alignment horizontal="left" wrapText="1"/>
    </xf>
    <xf numFmtId="0" fontId="0" fillId="0" borderId="4" xfId="0" applyBorder="1"/>
    <xf numFmtId="17" fontId="0" fillId="0" borderId="5" xfId="0" applyNumberFormat="1" applyBorder="1" applyAlignment="1">
      <alignment horizontal="left" wrapText="1"/>
    </xf>
    <xf numFmtId="0" fontId="9" fillId="3" borderId="4" xfId="0" applyFont="1" applyFill="1" applyBorder="1" applyAlignment="1">
      <alignment horizontal="left" wrapText="1"/>
    </xf>
    <xf numFmtId="0" fontId="0" fillId="0" borderId="1" xfId="0" applyBorder="1" applyAlignment="1">
      <alignment horizontal="left" vertical="center"/>
    </xf>
    <xf numFmtId="0" fontId="2" fillId="0" borderId="1" xfId="0" applyFont="1" applyBorder="1" applyAlignment="1">
      <alignment horizontal="right"/>
    </xf>
    <xf numFmtId="0" fontId="4" fillId="0" borderId="1" xfId="0" applyFont="1" applyBorder="1" applyAlignment="1">
      <alignment horizontal="left" wrapText="1"/>
    </xf>
    <xf numFmtId="0" fontId="2" fillId="0" borderId="1" xfId="0" applyFont="1" applyBorder="1" applyAlignment="1">
      <alignment horizontal="left" wrapText="1"/>
    </xf>
    <xf numFmtId="0" fontId="0" fillId="0" borderId="1" xfId="0" applyBorder="1" applyAlignment="1">
      <alignment horizontal="right"/>
    </xf>
    <xf numFmtId="0" fontId="0" fillId="3" borderId="1" xfId="0" applyFill="1" applyBorder="1" applyAlignment="1">
      <alignment horizontal="right"/>
    </xf>
    <xf numFmtId="0" fontId="2" fillId="3" borderId="1" xfId="0" applyFont="1" applyFill="1" applyBorder="1" applyAlignment="1">
      <alignment horizontal="right"/>
    </xf>
    <xf numFmtId="0" fontId="4" fillId="3" borderId="1" xfId="0" applyFont="1" applyFill="1" applyBorder="1" applyAlignment="1">
      <alignment horizontal="right"/>
    </xf>
    <xf numFmtId="0" fontId="4" fillId="0" borderId="1" xfId="0" applyFont="1" applyBorder="1" applyAlignment="1">
      <alignment horizontal="right"/>
    </xf>
    <xf numFmtId="0" fontId="2" fillId="3" borderId="6" xfId="0" applyFont="1" applyFill="1" applyBorder="1" applyAlignment="1">
      <alignment horizontal="left"/>
    </xf>
    <xf numFmtId="4" fontId="2" fillId="3" borderId="4" xfId="0" applyNumberFormat="1" applyFont="1" applyFill="1" applyBorder="1" applyAlignment="1">
      <alignment horizontal="right"/>
    </xf>
    <xf numFmtId="0" fontId="0" fillId="3" borderId="4" xfId="0" applyFill="1" applyBorder="1" applyAlignment="1">
      <alignment horizontal="right"/>
    </xf>
    <xf numFmtId="0" fontId="2" fillId="3" borderId="4" xfId="0" applyFont="1" applyFill="1" applyBorder="1" applyAlignment="1">
      <alignment horizontal="right"/>
    </xf>
    <xf numFmtId="0" fontId="3" fillId="3" borderId="1" xfId="0" applyFont="1" applyFill="1" applyBorder="1" applyAlignment="1">
      <alignment horizontal="right"/>
    </xf>
    <xf numFmtId="0" fontId="4" fillId="3" borderId="4" xfId="0" applyFont="1" applyFill="1" applyBorder="1" applyAlignment="1">
      <alignment horizontal="right"/>
    </xf>
    <xf numFmtId="0" fontId="4" fillId="3" borderId="2" xfId="0" applyFont="1" applyFill="1" applyBorder="1" applyAlignment="1">
      <alignment horizontal="right"/>
    </xf>
    <xf numFmtId="0" fontId="0" fillId="0" borderId="2" xfId="0" applyBorder="1" applyAlignment="1">
      <alignment horizontal="right"/>
    </xf>
    <xf numFmtId="0" fontId="0" fillId="0" borderId="4" xfId="0" applyBorder="1" applyAlignment="1">
      <alignment horizontal="right"/>
    </xf>
    <xf numFmtId="0" fontId="9" fillId="3" borderId="1" xfId="0" applyFont="1" applyFill="1" applyBorder="1" applyAlignment="1">
      <alignment horizontal="right"/>
    </xf>
    <xf numFmtId="0" fontId="2" fillId="0" borderId="6" xfId="0" applyFont="1" applyBorder="1" applyAlignment="1">
      <alignment horizontal="left"/>
    </xf>
    <xf numFmtId="0" fontId="0" fillId="0" borderId="1" xfId="0" applyBorder="1" applyAlignment="1">
      <alignment vertical="center" wrapText="1"/>
    </xf>
    <xf numFmtId="0" fontId="2" fillId="3" borderId="1" xfId="0" applyFont="1" applyFill="1" applyBorder="1" applyAlignment="1">
      <alignment horizontal="left" wrapText="1"/>
    </xf>
    <xf numFmtId="0" fontId="0" fillId="3" borderId="2" xfId="0" applyFill="1" applyBorder="1" applyAlignment="1">
      <alignment horizontal="left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right"/>
    </xf>
    <xf numFmtId="14" fontId="4" fillId="3" borderId="1" xfId="0" applyNumberFormat="1" applyFont="1" applyFill="1" applyBorder="1" applyAlignment="1">
      <alignment horizontal="left"/>
    </xf>
    <xf numFmtId="0" fontId="4" fillId="0" borderId="1" xfId="0" applyFont="1" applyBorder="1"/>
    <xf numFmtId="0" fontId="4" fillId="3" borderId="1" xfId="0" applyFont="1" applyFill="1" applyBorder="1"/>
    <xf numFmtId="0" fontId="0" fillId="3" borderId="6" xfId="0" applyFill="1" applyBorder="1" applyAlignment="1">
      <alignment horizontal="left"/>
    </xf>
    <xf numFmtId="0" fontId="0" fillId="3" borderId="1" xfId="0" applyFill="1" applyBorder="1" applyAlignment="1">
      <alignment shrinkToFit="1"/>
    </xf>
    <xf numFmtId="0" fontId="0" fillId="0" borderId="1" xfId="0" applyBorder="1" applyAlignment="1">
      <alignment horizontal="left" shrinkToFit="1"/>
    </xf>
    <xf numFmtId="0" fontId="0" fillId="0" borderId="1" xfId="0" applyBorder="1" applyAlignment="1">
      <alignment shrinkToFit="1"/>
    </xf>
    <xf numFmtId="0" fontId="4" fillId="3" borderId="1" xfId="0" applyFont="1" applyFill="1" applyBorder="1" applyAlignment="1">
      <alignment horizontal="left" shrinkToFit="1"/>
    </xf>
    <xf numFmtId="0" fontId="0" fillId="0" borderId="3" xfId="0" applyBorder="1" applyAlignment="1">
      <alignment horizontal="left" shrinkToFit="1"/>
    </xf>
    <xf numFmtId="0" fontId="2" fillId="3" borderId="1" xfId="0" applyFont="1" applyFill="1" applyBorder="1" applyAlignment="1">
      <alignment horizontal="left" shrinkToFit="1"/>
    </xf>
    <xf numFmtId="0" fontId="4" fillId="0" borderId="1" xfId="0" applyFont="1" applyBorder="1" applyAlignment="1">
      <alignment horizontal="left" shrinkToFit="1"/>
    </xf>
    <xf numFmtId="0" fontId="2" fillId="0" borderId="1" xfId="0" applyFont="1" applyBorder="1" applyAlignment="1">
      <alignment horizontal="left" shrinkToFit="1"/>
    </xf>
    <xf numFmtId="0" fontId="0" fillId="3" borderId="1" xfId="0" applyFill="1" applyBorder="1" applyAlignment="1">
      <alignment horizontal="left" shrinkToFit="1"/>
    </xf>
    <xf numFmtId="0" fontId="10" fillId="3" borderId="1" xfId="0" applyFont="1" applyFill="1" applyBorder="1" applyAlignment="1">
      <alignment horizontal="left" vertical="top" wrapText="1"/>
    </xf>
    <xf numFmtId="0" fontId="0" fillId="0" borderId="2" xfId="0" applyBorder="1" applyAlignment="1">
      <alignment shrinkToFit="1"/>
    </xf>
    <xf numFmtId="0" fontId="0" fillId="3" borderId="0" xfId="0" applyFill="1"/>
    <xf numFmtId="0" fontId="0" fillId="3" borderId="7" xfId="0" applyFill="1" applyBorder="1"/>
    <xf numFmtId="0" fontId="0" fillId="3" borderId="1" xfId="0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4" fillId="3" borderId="1" xfId="0" applyFont="1" applyFill="1" applyBorder="1" applyAlignment="1">
      <alignment shrinkToFit="1"/>
    </xf>
    <xf numFmtId="0" fontId="4" fillId="3" borderId="1" xfId="0" applyFont="1" applyFill="1" applyBorder="1" applyAlignment="1">
      <alignment horizontal="center" vertical="center"/>
    </xf>
    <xf numFmtId="14" fontId="0" fillId="3" borderId="1" xfId="0" applyNumberFormat="1" applyFill="1" applyBorder="1" applyAlignment="1">
      <alignment horizontal="left"/>
    </xf>
    <xf numFmtId="0" fontId="2" fillId="0" borderId="1" xfId="0" applyFont="1" applyBorder="1" applyAlignment="1">
      <alignment horizontal="center" vertical="center"/>
    </xf>
    <xf numFmtId="0" fontId="2" fillId="3" borderId="4" xfId="0" applyFont="1" applyFill="1" applyBorder="1" applyAlignment="1">
      <alignment horizontal="center" vertical="center"/>
    </xf>
    <xf numFmtId="0" fontId="0" fillId="0" borderId="1" xfId="0" applyBorder="1" applyAlignment="1">
      <alignment horizontal="left" vertical="center" wrapText="1"/>
    </xf>
    <xf numFmtId="0" fontId="9" fillId="3" borderId="1" xfId="0" applyFont="1" applyFill="1" applyBorder="1" applyAlignment="1">
      <alignment horizontal="left" shrinkToFit="1"/>
    </xf>
    <xf numFmtId="0" fontId="9" fillId="3" borderId="1" xfId="0" applyFont="1" applyFill="1" applyBorder="1" applyAlignment="1">
      <alignment horizontal="center" vertical="center"/>
    </xf>
    <xf numFmtId="0" fontId="9" fillId="0" borderId="1" xfId="0" applyFont="1" applyBorder="1" applyAlignment="1">
      <alignment horizontal="left" wrapText="1"/>
    </xf>
    <xf numFmtId="0" fontId="0" fillId="3" borderId="4" xfId="0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horizontal="left"/>
    </xf>
    <xf numFmtId="0" fontId="11" fillId="4" borderId="1" xfId="0" applyFont="1" applyFill="1" applyBorder="1" applyAlignment="1">
      <alignment horizontal="left"/>
    </xf>
    <xf numFmtId="0" fontId="11" fillId="4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right"/>
    </xf>
    <xf numFmtId="0" fontId="4" fillId="0" borderId="1" xfId="0" applyFont="1" applyBorder="1" applyAlignment="1">
      <alignment horizontal="center" vertical="center"/>
    </xf>
    <xf numFmtId="0" fontId="6" fillId="3" borderId="1" xfId="0" applyFont="1" applyFill="1" applyBorder="1" applyAlignment="1">
      <alignment horizontal="left" wrapText="1"/>
    </xf>
    <xf numFmtId="0" fontId="0" fillId="0" borderId="4" xfId="0" applyBorder="1" applyAlignment="1">
      <alignment shrinkToFit="1"/>
    </xf>
    <xf numFmtId="0" fontId="0" fillId="0" borderId="8" xfId="0" applyBorder="1"/>
    <xf numFmtId="0" fontId="2" fillId="0" borderId="3" xfId="0" applyFont="1" applyBorder="1" applyAlignment="1">
      <alignment horizontal="center" vertical="center"/>
    </xf>
    <xf numFmtId="0" fontId="0" fillId="0" borderId="5" xfId="0" applyBorder="1" applyAlignment="1">
      <alignment shrinkToFit="1"/>
    </xf>
    <xf numFmtId="0" fontId="0" fillId="3" borderId="2" xfId="0" applyFill="1" applyBorder="1"/>
    <xf numFmtId="0" fontId="4" fillId="0" borderId="1" xfId="0" applyFont="1" applyBorder="1" applyAlignment="1">
      <alignment shrinkToFit="1"/>
    </xf>
    <xf numFmtId="0" fontId="0" fillId="3" borderId="2" xfId="0" applyFill="1" applyBorder="1" applyAlignment="1">
      <alignment horizontal="center" vertical="center"/>
    </xf>
    <xf numFmtId="0" fontId="12" fillId="3" borderId="1" xfId="0" applyFont="1" applyFill="1" applyBorder="1" applyAlignment="1">
      <alignment horizontal="left"/>
    </xf>
    <xf numFmtId="0" fontId="12" fillId="3" borderId="1" xfId="0" applyFont="1" applyFill="1" applyBorder="1" applyAlignment="1">
      <alignment horizontal="center" vertical="center"/>
    </xf>
    <xf numFmtId="0" fontId="0" fillId="3" borderId="1" xfId="0" applyFill="1" applyBorder="1" applyAlignment="1">
      <alignment vertical="center" wrapText="1"/>
    </xf>
    <xf numFmtId="165" fontId="1" fillId="2" borderId="1" xfId="0" applyNumberFormat="1" applyFont="1" applyFill="1" applyBorder="1" applyAlignment="1">
      <alignment horizontal="left" vertical="center" wrapText="1"/>
    </xf>
    <xf numFmtId="0" fontId="0" fillId="0" borderId="5" xfId="0" applyBorder="1" applyAlignment="1">
      <alignment horizontal="left"/>
    </xf>
    <xf numFmtId="0" fontId="2" fillId="0" borderId="4" xfId="0" applyFont="1" applyBorder="1" applyAlignment="1">
      <alignment horizontal="left"/>
    </xf>
    <xf numFmtId="49" fontId="0" fillId="0" borderId="1" xfId="0" applyNumberFormat="1" applyBorder="1" applyAlignment="1">
      <alignment horizontal="left"/>
    </xf>
    <xf numFmtId="0" fontId="4" fillId="3" borderId="4" xfId="0" applyFont="1" applyFill="1" applyBorder="1" applyAlignment="1">
      <alignment horizontal="center" vertical="center"/>
    </xf>
    <xf numFmtId="0" fontId="4" fillId="3" borderId="2" xfId="0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3" borderId="1" xfId="0" applyFont="1" applyFill="1" applyBorder="1" applyAlignment="1">
      <alignment vertical="center" wrapText="1"/>
    </xf>
    <xf numFmtId="0" fontId="4" fillId="3" borderId="1" xfId="0" applyFont="1" applyFill="1" applyBorder="1" applyAlignment="1">
      <alignment vertical="center" shrinkToFit="1"/>
    </xf>
    <xf numFmtId="0" fontId="4" fillId="0" borderId="1" xfId="0" applyFont="1" applyBorder="1" applyAlignment="1">
      <alignment horizontal="center"/>
    </xf>
    <xf numFmtId="0" fontId="4" fillId="0" borderId="2" xfId="0" applyFont="1" applyBorder="1" applyAlignment="1">
      <alignment horizontal="left" wrapText="1"/>
    </xf>
    <xf numFmtId="0" fontId="4" fillId="0" borderId="2" xfId="0" applyFont="1" applyBorder="1" applyAlignment="1">
      <alignment horizontal="left" shrinkToFit="1"/>
    </xf>
    <xf numFmtId="0" fontId="4" fillId="0" borderId="4" xfId="0" applyFont="1" applyBorder="1" applyAlignment="1">
      <alignment horizontal="left"/>
    </xf>
    <xf numFmtId="49" fontId="4" fillId="0" borderId="1" xfId="0" applyNumberFormat="1" applyFont="1" applyBorder="1" applyAlignment="1">
      <alignment horizontal="left"/>
    </xf>
    <xf numFmtId="0" fontId="0" fillId="0" borderId="4" xfId="0" applyBorder="1" applyAlignment="1">
      <alignment horizontal="center" vertical="center"/>
    </xf>
    <xf numFmtId="0" fontId="0" fillId="0" borderId="6" xfId="0" applyBorder="1" applyAlignment="1">
      <alignment horizontal="left"/>
    </xf>
    <xf numFmtId="0" fontId="0" fillId="0" borderId="1" xfId="0" applyBorder="1" applyAlignment="1">
      <alignment horizontal="center"/>
    </xf>
    <xf numFmtId="0" fontId="4" fillId="3" borderId="6" xfId="0" applyFont="1" applyFill="1" applyBorder="1" applyAlignment="1">
      <alignment horizontal="left"/>
    </xf>
    <xf numFmtId="0" fontId="0" fillId="0" borderId="3" xfId="0" applyBorder="1" applyAlignment="1">
      <alignment horizontal="center" vertical="center"/>
    </xf>
    <xf numFmtId="49" fontId="0" fillId="0" borderId="1" xfId="0" applyNumberFormat="1" applyBorder="1"/>
    <xf numFmtId="0" fontId="11" fillId="0" borderId="1" xfId="0" applyFont="1" applyBorder="1" applyAlignment="1">
      <alignment horizontal="left"/>
    </xf>
    <xf numFmtId="0" fontId="2" fillId="3" borderId="3" xfId="0" applyFont="1" applyFill="1" applyBorder="1" applyAlignment="1">
      <alignment horizontal="center" vertical="center"/>
    </xf>
    <xf numFmtId="0" fontId="0" fillId="0" borderId="5" xfId="0" applyBorder="1"/>
    <xf numFmtId="0" fontId="0" fillId="0" borderId="6" xfId="0" applyBorder="1" applyAlignment="1">
      <alignment shrinkToFit="1"/>
    </xf>
    <xf numFmtId="0" fontId="2" fillId="0" borderId="6" xfId="0" applyFont="1" applyBorder="1" applyAlignment="1">
      <alignment horizontal="right"/>
    </xf>
    <xf numFmtId="0" fontId="0" fillId="0" borderId="3" xfId="0" applyBorder="1"/>
    <xf numFmtId="0" fontId="2" fillId="0" borderId="1" xfId="0" applyFont="1" applyBorder="1" applyAlignment="1">
      <alignment horizontal="left" vertical="center" shrinkToFit="1"/>
    </xf>
    <xf numFmtId="0" fontId="2" fillId="0" borderId="2" xfId="0" applyFont="1" applyBorder="1" applyAlignment="1">
      <alignment horizontal="left"/>
    </xf>
    <xf numFmtId="4" fontId="2" fillId="0" borderId="2" xfId="0" applyNumberFormat="1" applyFont="1" applyBorder="1" applyAlignment="1">
      <alignment horizontal="right"/>
    </xf>
    <xf numFmtId="0" fontId="12" fillId="0" borderId="1" xfId="0" applyFont="1" applyBorder="1" applyAlignment="1">
      <alignment horizontal="left"/>
    </xf>
    <xf numFmtId="0" fontId="0" fillId="0" borderId="1" xfId="0" applyBorder="1" applyAlignment="1">
      <alignment vertical="center" shrinkToFit="1"/>
    </xf>
    <xf numFmtId="0" fontId="0" fillId="0" borderId="12" xfId="0" applyBorder="1"/>
    <xf numFmtId="0" fontId="2" fillId="0" borderId="4" xfId="0" applyFont="1" applyBorder="1"/>
    <xf numFmtId="0" fontId="2" fillId="0" borderId="2" xfId="0" applyFont="1" applyBorder="1"/>
    <xf numFmtId="0" fontId="2" fillId="0" borderId="6" xfId="0" applyFont="1" applyBorder="1"/>
    <xf numFmtId="0" fontId="4" fillId="0" borderId="2" xfId="0" applyFont="1" applyBorder="1" applyAlignment="1">
      <alignment horizontal="center" vertical="center"/>
    </xf>
    <xf numFmtId="0" fontId="0" fillId="3" borderId="8" xfId="0" applyFill="1" applyBorder="1" applyAlignment="1">
      <alignment horizontal="left"/>
    </xf>
    <xf numFmtId="0" fontId="0" fillId="3" borderId="0" xfId="0" applyFill="1" applyAlignment="1">
      <alignment horizontal="left"/>
    </xf>
    <xf numFmtId="4" fontId="4" fillId="0" borderId="2" xfId="0" applyNumberFormat="1" applyFont="1" applyBorder="1" applyAlignment="1">
      <alignment horizontal="right"/>
    </xf>
    <xf numFmtId="0" fontId="4" fillId="0" borderId="4" xfId="0" applyFont="1" applyBorder="1"/>
    <xf numFmtId="1" fontId="4" fillId="0" borderId="4" xfId="0" applyNumberFormat="1" applyFont="1" applyBorder="1"/>
    <xf numFmtId="0" fontId="4" fillId="0" borderId="5" xfId="0" applyFont="1" applyBorder="1"/>
    <xf numFmtId="0" fontId="4" fillId="0" borderId="6" xfId="0" applyFont="1" applyBorder="1"/>
    <xf numFmtId="0" fontId="4" fillId="0" borderId="6" xfId="0" applyFont="1" applyBorder="1" applyAlignment="1">
      <alignment horizontal="left" shrinkToFit="1"/>
    </xf>
    <xf numFmtId="0" fontId="4" fillId="0" borderId="6" xfId="0" applyFont="1" applyBorder="1" applyAlignment="1">
      <alignment horizontal="left"/>
    </xf>
    <xf numFmtId="0" fontId="4" fillId="3" borderId="6" xfId="0" applyFont="1" applyFill="1" applyBorder="1" applyAlignment="1">
      <alignment horizontal="center" vertical="center"/>
    </xf>
    <xf numFmtId="0" fontId="4" fillId="0" borderId="6" xfId="0" applyFont="1" applyBorder="1" applyAlignment="1">
      <alignment horizontal="left" wrapText="1"/>
    </xf>
    <xf numFmtId="0" fontId="9" fillId="4" borderId="6" xfId="0" applyFont="1" applyFill="1" applyBorder="1" applyAlignment="1"/>
    <xf numFmtId="0" fontId="9" fillId="4" borderId="9" xfId="0" applyFont="1" applyFill="1" applyBorder="1" applyAlignment="1"/>
    <xf numFmtId="0" fontId="9" fillId="0" borderId="12" xfId="0" applyFont="1" applyFill="1" applyBorder="1" applyAlignment="1"/>
    <xf numFmtId="0" fontId="9" fillId="0" borderId="6" xfId="0" applyFont="1" applyFill="1" applyBorder="1" applyAlignment="1"/>
    <xf numFmtId="0" fontId="9" fillId="0" borderId="9" xfId="0" applyFont="1" applyFill="1" applyBorder="1" applyAlignment="1"/>
    <xf numFmtId="0" fontId="9" fillId="4" borderId="3" xfId="0" applyFont="1" applyFill="1" applyBorder="1" applyAlignment="1"/>
    <xf numFmtId="0" fontId="9" fillId="4" borderId="14" xfId="0" applyFont="1" applyFill="1" applyBorder="1" applyAlignment="1"/>
    <xf numFmtId="0" fontId="9" fillId="0" borderId="3" xfId="0" applyFont="1" applyFill="1" applyBorder="1" applyAlignment="1"/>
    <xf numFmtId="0" fontId="9" fillId="0" borderId="1" xfId="0" applyFont="1" applyFill="1" applyBorder="1" applyAlignment="1"/>
    <xf numFmtId="0" fontId="9" fillId="0" borderId="11" xfId="0" applyFont="1" applyFill="1" applyBorder="1" applyAlignment="1"/>
    <xf numFmtId="0" fontId="9" fillId="0" borderId="9" xfId="0" applyFont="1" applyFill="1" applyBorder="1" applyAlignment="1">
      <alignment wrapText="1"/>
    </xf>
    <xf numFmtId="0" fontId="9" fillId="0" borderId="10" xfId="0" applyFont="1" applyFill="1" applyBorder="1" applyAlignment="1">
      <alignment wrapText="1"/>
    </xf>
    <xf numFmtId="0" fontId="9" fillId="0" borderId="14" xfId="0" applyFont="1" applyFill="1" applyBorder="1" applyAlignment="1"/>
    <xf numFmtId="0" fontId="9" fillId="4" borderId="10" xfId="0" applyFont="1" applyFill="1" applyBorder="1" applyAlignment="1"/>
    <xf numFmtId="0" fontId="9" fillId="4" borderId="0" xfId="0" applyFont="1" applyFill="1" applyBorder="1" applyAlignment="1"/>
    <xf numFmtId="0" fontId="9" fillId="0" borderId="10" xfId="0" applyFont="1" applyFill="1" applyBorder="1" applyAlignment="1"/>
    <xf numFmtId="0" fontId="9" fillId="0" borderId="14" xfId="0" applyFont="1" applyFill="1" applyBorder="1" applyAlignment="1">
      <alignment wrapText="1"/>
    </xf>
    <xf numFmtId="0" fontId="9" fillId="0" borderId="3" xfId="0" applyFont="1" applyFill="1" applyBorder="1" applyAlignment="1">
      <alignment wrapText="1"/>
    </xf>
    <xf numFmtId="0" fontId="9" fillId="4" borderId="1" xfId="0" applyFont="1" applyFill="1" applyBorder="1" applyAlignment="1"/>
    <xf numFmtId="0" fontId="9" fillId="4" borderId="9" xfId="0" applyFont="1" applyFill="1" applyBorder="1" applyAlignment="1">
      <alignment wrapText="1"/>
    </xf>
    <xf numFmtId="0" fontId="9" fillId="0" borderId="13" xfId="0" applyFont="1" applyFill="1" applyBorder="1" applyAlignment="1"/>
    <xf numFmtId="164" fontId="9" fillId="0" borderId="9" xfId="0" applyNumberFormat="1" applyFont="1" applyFill="1" applyBorder="1" applyAlignment="1"/>
    <xf numFmtId="0" fontId="9" fillId="0" borderId="9" xfId="0" applyFont="1" applyFill="1" applyBorder="1" applyAlignment="1">
      <alignment horizontal="right"/>
    </xf>
    <xf numFmtId="0" fontId="14" fillId="4" borderId="9" xfId="0" applyFont="1" applyFill="1" applyBorder="1" applyAlignment="1"/>
    <xf numFmtId="0" fontId="14" fillId="4" borderId="9" xfId="0" applyFont="1" applyFill="1" applyBorder="1" applyAlignment="1">
      <alignment wrapText="1"/>
    </xf>
    <xf numFmtId="0" fontId="14" fillId="0" borderId="9" xfId="0" applyFont="1" applyFill="1" applyBorder="1" applyAlignment="1">
      <alignment wrapText="1"/>
    </xf>
    <xf numFmtId="0" fontId="14" fillId="0" borderId="9" xfId="0" applyFont="1" applyFill="1" applyBorder="1" applyAlignment="1"/>
    <xf numFmtId="0" fontId="11" fillId="0" borderId="9" xfId="1" applyFont="1" applyFill="1" applyBorder="1" applyAlignment="1"/>
    <xf numFmtId="0" fontId="15" fillId="0" borderId="8" xfId="0" applyFont="1" applyFill="1" applyBorder="1" applyAlignment="1"/>
    <xf numFmtId="0" fontId="15" fillId="0" borderId="11" xfId="0" applyFont="1" applyFill="1" applyBorder="1" applyAlignment="1"/>
    <xf numFmtId="3" fontId="9" fillId="0" borderId="9" xfId="0" applyNumberFormat="1" applyFont="1" applyFill="1" applyBorder="1" applyAlignment="1">
      <alignment horizontal="right"/>
    </xf>
    <xf numFmtId="0" fontId="9" fillId="4" borderId="3" xfId="0" applyFont="1" applyFill="1" applyBorder="1" applyAlignment="1">
      <alignment horizontal="right"/>
    </xf>
    <xf numFmtId="14" fontId="0" fillId="0" borderId="1" xfId="0" applyNumberFormat="1" applyBorder="1" applyAlignment="1"/>
    <xf numFmtId="14" fontId="0" fillId="3" borderId="1" xfId="0" applyNumberFormat="1" applyFill="1" applyBorder="1" applyAlignment="1"/>
    <xf numFmtId="14" fontId="0" fillId="0" borderId="2" xfId="0" applyNumberFormat="1" applyBorder="1" applyAlignment="1"/>
    <xf numFmtId="14" fontId="0" fillId="0" borderId="0" xfId="0" applyNumberFormat="1" applyAlignment="1"/>
    <xf numFmtId="14" fontId="2" fillId="0" borderId="1" xfId="0" applyNumberFormat="1" applyFont="1" applyBorder="1" applyAlignment="1"/>
    <xf numFmtId="14" fontId="0" fillId="0" borderId="6" xfId="0" applyNumberFormat="1" applyBorder="1" applyAlignment="1"/>
    <xf numFmtId="14" fontId="4" fillId="3" borderId="1" xfId="0" applyNumberFormat="1" applyFont="1" applyFill="1" applyBorder="1" applyAlignment="1"/>
    <xf numFmtId="14" fontId="4" fillId="0" borderId="1" xfId="0" applyNumberFormat="1" applyFont="1" applyBorder="1" applyAlignment="1"/>
    <xf numFmtId="14" fontId="4" fillId="0" borderId="2" xfId="0" applyNumberFormat="1" applyFont="1" applyBorder="1" applyAlignment="1"/>
    <xf numFmtId="14" fontId="4" fillId="0" borderId="6" xfId="0" applyNumberFormat="1" applyFont="1" applyBorder="1" applyAlignment="1"/>
    <xf numFmtId="14" fontId="0" fillId="0" borderId="3" xfId="0" applyNumberFormat="1" applyBorder="1" applyAlignment="1"/>
    <xf numFmtId="0" fontId="9" fillId="0" borderId="6" xfId="0" applyFont="1" applyFill="1" applyBorder="1" applyAlignment="1">
      <alignment horizontal="right"/>
    </xf>
    <xf numFmtId="0" fontId="9" fillId="0" borderId="1" xfId="0" applyFont="1" applyFill="1" applyBorder="1" applyAlignment="1">
      <alignment horizontal="right"/>
    </xf>
    <xf numFmtId="14" fontId="9" fillId="0" borderId="9" xfId="0" applyNumberFormat="1" applyFont="1" applyFill="1" applyBorder="1" applyAlignment="1">
      <alignment horizontal="right"/>
    </xf>
    <xf numFmtId="14" fontId="9" fillId="0" borderId="6" xfId="0" applyNumberFormat="1" applyFont="1" applyFill="1" applyBorder="1" applyAlignment="1">
      <alignment horizontal="right"/>
    </xf>
    <xf numFmtId="14" fontId="9" fillId="0" borderId="1" xfId="0" applyNumberFormat="1" applyFont="1" applyFill="1" applyBorder="1" applyAlignment="1">
      <alignment horizontal="right"/>
    </xf>
    <xf numFmtId="0" fontId="9" fillId="0" borderId="4" xfId="0" applyFont="1" applyFill="1" applyBorder="1" applyAlignment="1"/>
    <xf numFmtId="0" fontId="0" fillId="0" borderId="15" xfId="0" applyBorder="1"/>
    <xf numFmtId="0" fontId="9" fillId="4" borderId="1" xfId="0" applyFont="1" applyFill="1" applyBorder="1" applyAlignment="1">
      <alignment horizontal="right"/>
    </xf>
    <xf numFmtId="14" fontId="0" fillId="0" borderId="9" xfId="0" applyNumberFormat="1" applyBorder="1" applyAlignment="1"/>
    <xf numFmtId="14" fontId="9" fillId="0" borderId="3" xfId="0" applyNumberFormat="1" applyFont="1" applyFill="1" applyBorder="1" applyAlignment="1">
      <alignment horizontal="right"/>
    </xf>
    <xf numFmtId="14" fontId="0" fillId="3" borderId="2" xfId="0" applyNumberFormat="1" applyFill="1" applyBorder="1" applyAlignment="1"/>
    <xf numFmtId="14" fontId="0" fillId="0" borderId="0" xfId="0" applyNumberFormat="1" applyBorder="1" applyAlignment="1"/>
    <xf numFmtId="0" fontId="0" fillId="0" borderId="9" xfId="0" applyBorder="1" applyAlignment="1">
      <alignment shrinkToFit="1"/>
    </xf>
    <xf numFmtId="14" fontId="0" fillId="0" borderId="9" xfId="0" applyNumberFormat="1" applyBorder="1" applyAlignment="1">
      <alignment shrinkToFit="1"/>
    </xf>
    <xf numFmtId="0" fontId="0" fillId="0" borderId="3" xfId="0" applyBorder="1" applyAlignment="1">
      <alignment shrinkToFit="1"/>
    </xf>
    <xf numFmtId="0" fontId="0" fillId="0" borderId="0" xfId="0" applyBorder="1" applyAlignment="1">
      <alignment shrinkToFit="1"/>
    </xf>
    <xf numFmtId="14" fontId="0" fillId="0" borderId="0" xfId="0" applyNumberFormat="1" applyBorder="1" applyAlignment="1">
      <alignment shrinkToFit="1"/>
    </xf>
    <xf numFmtId="0" fontId="4" fillId="0" borderId="0" xfId="0" applyFont="1" applyBorder="1" applyAlignment="1">
      <alignment horizontal="left" shrinkToFit="1"/>
    </xf>
    <xf numFmtId="0" fontId="9" fillId="0" borderId="2" xfId="0" applyFont="1" applyFill="1" applyBorder="1" applyAlignment="1"/>
    <xf numFmtId="0" fontId="11" fillId="4" borderId="4" xfId="0" applyFont="1" applyFill="1" applyBorder="1" applyAlignment="1">
      <alignment horizontal="left"/>
    </xf>
    <xf numFmtId="0" fontId="0" fillId="3" borderId="2" xfId="0" applyFill="1" applyBorder="1" applyAlignment="1">
      <alignment horizontal="left" shrinkToFit="1"/>
    </xf>
    <xf numFmtId="0" fontId="2" fillId="0" borderId="9" xfId="0" applyFont="1" applyBorder="1" applyAlignment="1">
      <alignment horizontal="left"/>
    </xf>
    <xf numFmtId="0" fontId="0" fillId="0" borderId="9" xfId="0" applyBorder="1" applyAlignment="1">
      <alignment horizontal="left"/>
    </xf>
    <xf numFmtId="0" fontId="2" fillId="0" borderId="13" xfId="0" applyFont="1" applyBorder="1" applyAlignment="1">
      <alignment horizontal="left"/>
    </xf>
    <xf numFmtId="0" fontId="0" fillId="0" borderId="9" xfId="0" applyBorder="1"/>
    <xf numFmtId="0" fontId="2" fillId="0" borderId="14" xfId="0" applyFont="1" applyBorder="1" applyAlignment="1">
      <alignment horizontal="left"/>
    </xf>
    <xf numFmtId="0" fontId="2" fillId="3" borderId="8" xfId="0" applyFont="1" applyFill="1" applyBorder="1" applyAlignment="1">
      <alignment horizontal="left"/>
    </xf>
    <xf numFmtId="0" fontId="12" fillId="0" borderId="2" xfId="0" applyFont="1" applyBorder="1" applyAlignment="1">
      <alignment horizontal="left"/>
    </xf>
    <xf numFmtId="0" fontId="9" fillId="4" borderId="2" xfId="0" applyFont="1" applyFill="1" applyBorder="1" applyAlignment="1"/>
    <xf numFmtId="0" fontId="11" fillId="4" borderId="8" xfId="0" applyFont="1" applyFill="1" applyBorder="1" applyAlignment="1">
      <alignment horizontal="left"/>
    </xf>
    <xf numFmtId="0" fontId="2" fillId="0" borderId="9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1" fillId="4" borderId="3" xfId="0" applyFont="1" applyFill="1" applyBorder="1" applyAlignment="1">
      <alignment horizontal="center" vertical="center"/>
    </xf>
    <xf numFmtId="0" fontId="4" fillId="3" borderId="8" xfId="0" applyFont="1" applyFill="1" applyBorder="1" applyAlignment="1">
      <alignment horizontal="left"/>
    </xf>
    <xf numFmtId="0" fontId="9" fillId="4" borderId="11" xfId="0" applyFont="1" applyFill="1" applyBorder="1" applyAlignment="1"/>
    <xf numFmtId="0" fontId="0" fillId="0" borderId="0" xfId="0" applyBorder="1"/>
    <xf numFmtId="0" fontId="4" fillId="0" borderId="2" xfId="0" applyFont="1" applyBorder="1" applyAlignment="1">
      <alignment shrinkToFit="1"/>
    </xf>
    <xf numFmtId="0" fontId="2" fillId="3" borderId="0" xfId="0" applyFont="1" applyFill="1" applyBorder="1" applyAlignment="1">
      <alignment horizontal="left"/>
    </xf>
    <xf numFmtId="0" fontId="4" fillId="0" borderId="2" xfId="0" applyFont="1" applyBorder="1"/>
    <xf numFmtId="0" fontId="4" fillId="0" borderId="0" xfId="0" applyFont="1" applyBorder="1"/>
    <xf numFmtId="4" fontId="2" fillId="0" borderId="9" xfId="0" applyNumberFormat="1" applyFont="1" applyBorder="1" applyAlignment="1">
      <alignment horizontal="right"/>
    </xf>
    <xf numFmtId="4" fontId="2" fillId="0" borderId="3" xfId="0" applyNumberFormat="1" applyFont="1" applyBorder="1" applyAlignment="1">
      <alignment horizontal="right"/>
    </xf>
    <xf numFmtId="4" fontId="2" fillId="0" borderId="5" xfId="0" applyNumberFormat="1" applyFont="1" applyBorder="1" applyAlignment="1">
      <alignment horizontal="right"/>
    </xf>
    <xf numFmtId="4" fontId="4" fillId="0" borderId="6" xfId="0" applyNumberFormat="1" applyFont="1" applyBorder="1" applyAlignment="1">
      <alignment horizontal="right"/>
    </xf>
    <xf numFmtId="0" fontId="0" fillId="0" borderId="9" xfId="0" applyBorder="1" applyAlignment="1">
      <alignment horizontal="left" wrapText="1"/>
    </xf>
    <xf numFmtId="0" fontId="9" fillId="4" borderId="1" xfId="0" applyFont="1" applyFill="1" applyBorder="1" applyAlignment="1">
      <alignment wrapText="1"/>
    </xf>
    <xf numFmtId="0" fontId="0" fillId="0" borderId="3" xfId="0" applyBorder="1" applyAlignment="1">
      <alignment horizontal="left" wrapText="1"/>
    </xf>
    <xf numFmtId="0" fontId="9" fillId="0" borderId="1" xfId="0" applyFont="1" applyFill="1" applyBorder="1" applyAlignment="1">
      <alignment wrapText="1"/>
    </xf>
    <xf numFmtId="0" fontId="9" fillId="4" borderId="2" xfId="0" applyFont="1" applyFill="1" applyBorder="1" applyAlignment="1">
      <alignment wrapText="1"/>
    </xf>
    <xf numFmtId="0" fontId="0" fillId="0" borderId="1" xfId="0" applyFill="1" applyBorder="1"/>
    <xf numFmtId="14" fontId="0" fillId="0" borderId="1" xfId="0" applyNumberFormat="1" applyFill="1" applyBorder="1" applyAlignment="1"/>
    <xf numFmtId="0" fontId="0" fillId="0" borderId="1" xfId="0" applyFill="1" applyBorder="1" applyAlignment="1">
      <alignment horizontal="left"/>
    </xf>
    <xf numFmtId="0" fontId="0" fillId="0" borderId="1" xfId="0" applyFill="1" applyBorder="1" applyAlignment="1">
      <alignment horizontal="right"/>
    </xf>
    <xf numFmtId="0" fontId="4" fillId="0" borderId="1" xfId="0" applyFont="1" applyFill="1" applyBorder="1" applyAlignment="1">
      <alignment horizontal="left"/>
    </xf>
    <xf numFmtId="4" fontId="2" fillId="0" borderId="1" xfId="0" applyNumberFormat="1" applyFont="1" applyFill="1" applyBorder="1" applyAlignment="1">
      <alignment horizontal="right"/>
    </xf>
    <xf numFmtId="0" fontId="0" fillId="0" borderId="1" xfId="0" applyFill="1" applyBorder="1" applyAlignment="1">
      <alignment horizontal="left" wrapText="1"/>
    </xf>
    <xf numFmtId="0" fontId="0" fillId="0" borderId="0" xfId="0" applyFill="1"/>
    <xf numFmtId="0" fontId="4" fillId="0" borderId="4" xfId="0" applyFont="1" applyFill="1" applyBorder="1"/>
    <xf numFmtId="14" fontId="4" fillId="0" borderId="1" xfId="0" applyNumberFormat="1" applyFont="1" applyFill="1" applyBorder="1" applyAlignment="1"/>
    <xf numFmtId="0" fontId="4" fillId="0" borderId="1" xfId="0" applyFont="1" applyFill="1" applyBorder="1" applyAlignment="1">
      <alignment horizontal="left" shrinkToFit="1"/>
    </xf>
    <xf numFmtId="0" fontId="4" fillId="0" borderId="1" xfId="0" applyFont="1" applyFill="1" applyBorder="1" applyAlignment="1">
      <alignment horizontal="center" vertical="center"/>
    </xf>
    <xf numFmtId="0" fontId="4" fillId="0" borderId="1" xfId="0" applyFont="1" applyFill="1" applyBorder="1"/>
    <xf numFmtId="4" fontId="4" fillId="0" borderId="1" xfId="0" applyNumberFormat="1" applyFont="1" applyFill="1" applyBorder="1"/>
    <xf numFmtId="0" fontId="0" fillId="0" borderId="4" xfId="0" applyFill="1" applyBorder="1"/>
    <xf numFmtId="0" fontId="0" fillId="0" borderId="1" xfId="0" applyFill="1" applyBorder="1" applyAlignment="1">
      <alignment shrinkToFit="1"/>
    </xf>
    <xf numFmtId="0" fontId="0" fillId="0" borderId="1" xfId="0" applyFill="1" applyBorder="1" applyAlignment="1">
      <alignment horizontal="center" vertical="center"/>
    </xf>
    <xf numFmtId="4" fontId="0" fillId="0" borderId="1" xfId="0" applyNumberFormat="1" applyFill="1" applyBorder="1"/>
    <xf numFmtId="14" fontId="0" fillId="0" borderId="1" xfId="0" applyNumberFormat="1" applyBorder="1"/>
    <xf numFmtId="0" fontId="0" fillId="3" borderId="1" xfId="0" applyFill="1" applyBorder="1" applyAlignment="1">
      <alignment horizontal="center"/>
    </xf>
    <xf numFmtId="14" fontId="0" fillId="0" borderId="1" xfId="0" applyNumberFormat="1" applyFill="1" applyBorder="1"/>
    <xf numFmtId="0" fontId="0" fillId="0" borderId="1" xfId="0" applyFill="1" applyBorder="1" applyAlignment="1">
      <alignment horizontal="left" shrinkToFit="1"/>
    </xf>
    <xf numFmtId="0" fontId="4" fillId="0" borderId="1" xfId="0" applyFont="1" applyFill="1" applyBorder="1" applyAlignment="1">
      <alignment horizontal="left" wrapText="1"/>
    </xf>
    <xf numFmtId="0" fontId="0" fillId="0" borderId="6" xfId="0" applyFill="1" applyBorder="1"/>
    <xf numFmtId="0" fontId="0" fillId="0" borderId="1" xfId="0" applyFill="1" applyBorder="1" applyAlignment="1">
      <alignment vertical="center"/>
    </xf>
    <xf numFmtId="0" fontId="2" fillId="0" borderId="1" xfId="0" applyFont="1" applyFill="1" applyBorder="1" applyAlignment="1">
      <alignment horizontal="left" shrinkToFit="1"/>
    </xf>
    <xf numFmtId="0" fontId="2" fillId="0" borderId="1" xfId="0" applyFont="1" applyFill="1" applyBorder="1" applyAlignment="1">
      <alignment horizontal="left"/>
    </xf>
    <xf numFmtId="0" fontId="2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left" wrapText="1"/>
    </xf>
    <xf numFmtId="14" fontId="2" fillId="0" borderId="1" xfId="0" applyNumberFormat="1" applyFont="1" applyBorder="1"/>
    <xf numFmtId="0" fontId="2" fillId="0" borderId="1" xfId="0" applyFont="1" applyBorder="1" applyAlignment="1">
      <alignment shrinkToFit="1"/>
    </xf>
    <xf numFmtId="0" fontId="2" fillId="0" borderId="0" xfId="0" applyFont="1"/>
    <xf numFmtId="0" fontId="0" fillId="0" borderId="1" xfId="0" applyBorder="1" applyAlignment="1">
      <alignment horizontal="right" vertical="center"/>
    </xf>
    <xf numFmtId="14" fontId="0" fillId="3" borderId="1" xfId="0" applyNumberFormat="1" applyFill="1" applyBorder="1"/>
    <xf numFmtId="0" fontId="0" fillId="0" borderId="4" xfId="0" applyFill="1" applyBorder="1" applyAlignment="1">
      <alignment shrinkToFit="1"/>
    </xf>
    <xf numFmtId="0" fontId="0" fillId="0" borderId="8" xfId="0" applyFill="1" applyBorder="1"/>
    <xf numFmtId="0" fontId="0" fillId="0" borderId="3" xfId="0" applyFill="1" applyBorder="1" applyAlignment="1">
      <alignment horizontal="center" vertical="center"/>
    </xf>
    <xf numFmtId="0" fontId="3" fillId="0" borderId="1" xfId="0" applyFont="1" applyFill="1" applyBorder="1" applyAlignment="1">
      <alignment horizontal="left"/>
    </xf>
    <xf numFmtId="0" fontId="3" fillId="0" borderId="1" xfId="0" applyFont="1" applyFill="1" applyBorder="1" applyAlignment="1">
      <alignment horizontal="center" vertical="center"/>
    </xf>
    <xf numFmtId="0" fontId="0" fillId="0" borderId="1" xfId="0" applyBorder="1" applyAlignment="1">
      <alignment vertical="center"/>
    </xf>
    <xf numFmtId="14" fontId="0" fillId="3" borderId="3" xfId="0" applyNumberFormat="1" applyFill="1" applyBorder="1"/>
    <xf numFmtId="4" fontId="2" fillId="3" borderId="3" xfId="0" applyNumberFormat="1" applyFont="1" applyFill="1" applyBorder="1" applyAlignment="1">
      <alignment horizontal="right"/>
    </xf>
    <xf numFmtId="2" fontId="0" fillId="0" borderId="1" xfId="0" applyNumberFormat="1" applyBorder="1" applyAlignment="1">
      <alignment horizontal="right"/>
    </xf>
    <xf numFmtId="4" fontId="0" fillId="0" borderId="4" xfId="0" applyNumberFormat="1" applyBorder="1" applyAlignment="1">
      <alignment horizontal="right"/>
    </xf>
    <xf numFmtId="4" fontId="0" fillId="0" borderId="1" xfId="0" applyNumberFormat="1" applyFill="1" applyBorder="1" applyAlignment="1">
      <alignment horizontal="right"/>
    </xf>
    <xf numFmtId="4" fontId="0" fillId="3" borderId="4" xfId="0" applyNumberFormat="1" applyFill="1" applyBorder="1" applyAlignment="1">
      <alignment horizontal="right"/>
    </xf>
    <xf numFmtId="4" fontId="0" fillId="3" borderId="3" xfId="0" applyNumberFormat="1" applyFill="1" applyBorder="1" applyAlignment="1">
      <alignment horizontal="right"/>
    </xf>
    <xf numFmtId="4" fontId="4" fillId="3" borderId="4" xfId="0" applyNumberFormat="1" applyFont="1" applyFill="1" applyBorder="1" applyAlignment="1">
      <alignment horizontal="right"/>
    </xf>
    <xf numFmtId="4" fontId="4" fillId="3" borderId="3" xfId="0" applyNumberFormat="1" applyFont="1" applyFill="1" applyBorder="1" applyAlignment="1">
      <alignment horizontal="right"/>
    </xf>
    <xf numFmtId="0" fontId="4" fillId="0" borderId="1" xfId="0" applyFont="1" applyBorder="1" applyAlignment="1">
      <alignment horizontal="right" shrinkToFit="1"/>
    </xf>
    <xf numFmtId="4" fontId="4" fillId="0" borderId="1" xfId="0" applyNumberFormat="1" applyFont="1" applyFill="1" applyBorder="1" applyAlignment="1">
      <alignment horizontal="right"/>
    </xf>
    <xf numFmtId="4" fontId="0" fillId="0" borderId="6" xfId="0" applyNumberFormat="1" applyBorder="1" applyAlignment="1">
      <alignment horizontal="right"/>
    </xf>
    <xf numFmtId="0" fontId="9" fillId="4" borderId="6" xfId="0" applyFont="1" applyFill="1" applyBorder="1" applyAlignment="1">
      <alignment horizontal="right"/>
    </xf>
    <xf numFmtId="0" fontId="9" fillId="4" borderId="2" xfId="0" applyFont="1" applyFill="1" applyBorder="1" applyAlignment="1">
      <alignment horizontal="right"/>
    </xf>
    <xf numFmtId="0" fontId="9" fillId="4" borderId="5" xfId="0" applyFont="1" applyFill="1" applyBorder="1" applyAlignment="1">
      <alignment horizontal="right"/>
    </xf>
    <xf numFmtId="4" fontId="0" fillId="0" borderId="9" xfId="0" applyNumberFormat="1" applyBorder="1" applyAlignment="1">
      <alignment horizontal="right"/>
    </xf>
    <xf numFmtId="0" fontId="9" fillId="4" borderId="9" xfId="0" applyFont="1" applyFill="1" applyBorder="1" applyAlignment="1">
      <alignment horizontal="right"/>
    </xf>
    <xf numFmtId="4" fontId="0" fillId="0" borderId="3" xfId="0" applyNumberFormat="1" applyBorder="1" applyAlignment="1">
      <alignment horizontal="right"/>
    </xf>
    <xf numFmtId="0" fontId="9" fillId="0" borderId="14" xfId="0" applyFont="1" applyFill="1" applyBorder="1" applyAlignment="1">
      <alignment horizontal="right"/>
    </xf>
    <xf numFmtId="0" fontId="9" fillId="0" borderId="3" xfId="0" applyFont="1" applyFill="1" applyBorder="1" applyAlignment="1">
      <alignment horizontal="right"/>
    </xf>
    <xf numFmtId="0" fontId="0" fillId="0" borderId="0" xfId="0" applyAlignment="1">
      <alignment horizontal="right"/>
    </xf>
    <xf numFmtId="0" fontId="0" fillId="5" borderId="1" xfId="0" applyFill="1" applyBorder="1" applyAlignment="1">
      <alignment horizontal="left"/>
    </xf>
    <xf numFmtId="0" fontId="0" fillId="5" borderId="0" xfId="0" applyFill="1"/>
    <xf numFmtId="0" fontId="2" fillId="0" borderId="1" xfId="0" applyFont="1" applyFill="1" applyBorder="1"/>
  </cellXfs>
  <cellStyles count="2">
    <cellStyle name="Hyperlink" xfId="1" xr:uid="{00000000-000B-0000-0000-000008000000}"/>
    <cellStyle name="Normálna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 2013 – 2022">
  <a:themeElements>
    <a:clrScheme name="Office 2013 –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–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–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J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0AB91F-D070-4660-811B-A8FC75AB4609}">
  <sheetPr>
    <pageSetUpPr fitToPage="1"/>
  </sheetPr>
  <dimension ref="A1:J1434"/>
  <sheetViews>
    <sheetView showGridLines="0" tabSelected="1" zoomScale="90" zoomScaleNormal="90" workbookViewId="0">
      <selection activeCell="C13" sqref="C13"/>
    </sheetView>
  </sheetViews>
  <sheetFormatPr defaultRowHeight="15" x14ac:dyDescent="0.25"/>
  <cols>
    <col min="1" max="1" width="16.42578125" customWidth="1"/>
    <col min="2" max="2" width="13" customWidth="1"/>
    <col min="3" max="3" width="65.85546875" bestFit="1" customWidth="1"/>
    <col min="4" max="4" width="72.85546875" bestFit="1" customWidth="1"/>
    <col min="5" max="5" width="15.140625" bestFit="1" customWidth="1"/>
    <col min="6" max="6" width="177.28515625" bestFit="1" customWidth="1"/>
    <col min="7" max="7" width="23.85546875" style="336" customWidth="1"/>
    <col min="8" max="8" width="21.5703125" style="336" customWidth="1"/>
    <col min="9" max="9" width="24.85546875" style="38" customWidth="1"/>
    <col min="10" max="10" width="46.7109375" style="38" customWidth="1"/>
  </cols>
  <sheetData>
    <row r="1" spans="1:10" ht="45" x14ac:dyDescent="0.25">
      <c r="A1" s="1" t="s">
        <v>0</v>
      </c>
      <c r="B1" s="4" t="s">
        <v>1</v>
      </c>
      <c r="C1" s="2" t="s">
        <v>2</v>
      </c>
      <c r="D1" s="2" t="s">
        <v>3</v>
      </c>
      <c r="E1" s="1" t="s">
        <v>4</v>
      </c>
      <c r="F1" s="1" t="s">
        <v>5</v>
      </c>
      <c r="G1" s="5" t="s">
        <v>6</v>
      </c>
      <c r="H1" s="5" t="s">
        <v>7</v>
      </c>
      <c r="I1" s="132" t="s">
        <v>8</v>
      </c>
      <c r="J1" s="3" t="s">
        <v>9</v>
      </c>
    </row>
    <row r="2" spans="1:10" x14ac:dyDescent="0.25">
      <c r="A2" s="17" t="s">
        <v>10</v>
      </c>
      <c r="B2" s="211">
        <v>45642</v>
      </c>
      <c r="C2" s="11" t="s">
        <v>11</v>
      </c>
      <c r="D2" s="11" t="s">
        <v>12</v>
      </c>
      <c r="E2" s="63">
        <v>36302716</v>
      </c>
      <c r="F2" s="11" t="s">
        <v>13</v>
      </c>
      <c r="G2" s="12">
        <v>217</v>
      </c>
      <c r="H2" s="12">
        <v>260.39999999999998</v>
      </c>
      <c r="I2" s="47"/>
      <c r="J2" s="11">
        <v>3982024</v>
      </c>
    </row>
    <row r="3" spans="1:10" x14ac:dyDescent="0.25">
      <c r="A3" s="17" t="s">
        <v>14</v>
      </c>
      <c r="B3" s="211">
        <v>45656</v>
      </c>
      <c r="C3" s="11" t="s">
        <v>15</v>
      </c>
      <c r="D3" s="16" t="s">
        <v>16</v>
      </c>
      <c r="E3" s="65">
        <v>35722533</v>
      </c>
      <c r="F3" s="16" t="s">
        <v>17</v>
      </c>
      <c r="G3" s="12">
        <v>250000</v>
      </c>
      <c r="H3" s="12">
        <v>300000</v>
      </c>
      <c r="I3" s="47" t="s">
        <v>18</v>
      </c>
      <c r="J3" s="6">
        <v>4002024</v>
      </c>
    </row>
    <row r="4" spans="1:10" x14ac:dyDescent="0.25">
      <c r="A4" s="17" t="s">
        <v>19</v>
      </c>
      <c r="B4" s="211">
        <v>45649</v>
      </c>
      <c r="C4" s="11" t="s">
        <v>20</v>
      </c>
      <c r="D4" s="16" t="s">
        <v>21</v>
      </c>
      <c r="E4" s="65">
        <v>50393031</v>
      </c>
      <c r="F4" s="16" t="s">
        <v>22</v>
      </c>
      <c r="G4" s="12">
        <v>138200</v>
      </c>
      <c r="H4" s="12">
        <v>165840</v>
      </c>
      <c r="I4" s="47" t="s">
        <v>23</v>
      </c>
      <c r="J4" s="6"/>
    </row>
    <row r="5" spans="1:10" x14ac:dyDescent="0.25">
      <c r="A5" s="17" t="s">
        <v>24</v>
      </c>
      <c r="B5" s="211">
        <v>45646</v>
      </c>
      <c r="C5" s="11" t="s">
        <v>25</v>
      </c>
      <c r="D5" s="16" t="s">
        <v>26</v>
      </c>
      <c r="E5" s="65">
        <v>35818565</v>
      </c>
      <c r="F5" s="16" t="s">
        <v>27</v>
      </c>
      <c r="G5" s="18">
        <v>170</v>
      </c>
      <c r="H5" s="18">
        <v>204</v>
      </c>
      <c r="I5" s="47" t="s">
        <v>28</v>
      </c>
      <c r="J5" s="16">
        <v>3932024</v>
      </c>
    </row>
    <row r="6" spans="1:10" x14ac:dyDescent="0.25">
      <c r="A6" s="17" t="s">
        <v>29</v>
      </c>
      <c r="B6" s="211">
        <v>45656</v>
      </c>
      <c r="C6" s="11" t="s">
        <v>30</v>
      </c>
      <c r="D6" s="11" t="s">
        <v>31</v>
      </c>
      <c r="E6" s="63">
        <v>36287229</v>
      </c>
      <c r="F6" s="11" t="s">
        <v>32</v>
      </c>
      <c r="G6" s="12">
        <v>150</v>
      </c>
      <c r="H6" s="12">
        <v>150</v>
      </c>
      <c r="I6" s="47"/>
      <c r="J6" s="11" t="s">
        <v>33</v>
      </c>
    </row>
    <row r="7" spans="1:10" x14ac:dyDescent="0.25">
      <c r="A7" s="17" t="s">
        <v>34</v>
      </c>
      <c r="B7" s="211">
        <v>45659</v>
      </c>
      <c r="C7" s="11" t="s">
        <v>35</v>
      </c>
      <c r="D7" s="11" t="s">
        <v>36</v>
      </c>
      <c r="E7" s="63">
        <v>35954248</v>
      </c>
      <c r="F7" s="11" t="s">
        <v>37</v>
      </c>
      <c r="G7" s="12">
        <v>83.33</v>
      </c>
      <c r="H7" s="12">
        <v>100</v>
      </c>
      <c r="I7" s="47"/>
      <c r="J7" s="11">
        <v>3512024</v>
      </c>
    </row>
    <row r="8" spans="1:10" x14ac:dyDescent="0.25">
      <c r="A8" s="17" t="s">
        <v>38</v>
      </c>
      <c r="B8" s="211">
        <v>45659</v>
      </c>
      <c r="C8" s="11" t="s">
        <v>39</v>
      </c>
      <c r="D8" s="23" t="s">
        <v>40</v>
      </c>
      <c r="E8" s="66">
        <v>52929230</v>
      </c>
      <c r="F8" s="23" t="s">
        <v>41</v>
      </c>
      <c r="G8" s="12">
        <v>1700</v>
      </c>
      <c r="H8" s="12">
        <v>2040</v>
      </c>
      <c r="I8" s="48" t="s">
        <v>42</v>
      </c>
      <c r="J8" s="23">
        <v>32024</v>
      </c>
    </row>
    <row r="9" spans="1:10" x14ac:dyDescent="0.25">
      <c r="A9" s="17" t="s">
        <v>43</v>
      </c>
      <c r="B9" s="211">
        <v>45659</v>
      </c>
      <c r="C9" s="23" t="s">
        <v>44</v>
      </c>
      <c r="D9" s="23" t="s">
        <v>45</v>
      </c>
      <c r="E9" s="66">
        <v>35731851</v>
      </c>
      <c r="F9" s="23" t="s">
        <v>46</v>
      </c>
      <c r="G9" s="24">
        <v>350</v>
      </c>
      <c r="H9" s="24">
        <v>420</v>
      </c>
      <c r="I9" s="48" t="s">
        <v>47</v>
      </c>
      <c r="J9" s="23">
        <v>1792024</v>
      </c>
    </row>
    <row r="10" spans="1:10" x14ac:dyDescent="0.25">
      <c r="A10" s="17" t="s">
        <v>48</v>
      </c>
      <c r="B10" s="211">
        <v>45659</v>
      </c>
      <c r="C10" s="23" t="s">
        <v>44</v>
      </c>
      <c r="D10" s="23" t="s">
        <v>45</v>
      </c>
      <c r="E10" s="66">
        <v>35731851</v>
      </c>
      <c r="F10" s="23" t="s">
        <v>49</v>
      </c>
      <c r="G10" s="24">
        <v>350</v>
      </c>
      <c r="H10" s="24">
        <v>420</v>
      </c>
      <c r="I10" s="48" t="s">
        <v>47</v>
      </c>
      <c r="J10" s="23">
        <v>1792024</v>
      </c>
    </row>
    <row r="11" spans="1:10" x14ac:dyDescent="0.25">
      <c r="A11" s="17" t="s">
        <v>50</v>
      </c>
      <c r="B11" s="211">
        <v>45659</v>
      </c>
      <c r="C11" s="23" t="s">
        <v>44</v>
      </c>
      <c r="D11" s="23" t="s">
        <v>45</v>
      </c>
      <c r="E11" s="66">
        <v>35731851</v>
      </c>
      <c r="F11" s="23" t="s">
        <v>51</v>
      </c>
      <c r="G11" s="24">
        <v>350</v>
      </c>
      <c r="H11" s="24">
        <v>420</v>
      </c>
      <c r="I11" s="48" t="s">
        <v>47</v>
      </c>
      <c r="J11" s="23">
        <v>1792024</v>
      </c>
    </row>
    <row r="12" spans="1:10" x14ac:dyDescent="0.25">
      <c r="A12" s="17" t="s">
        <v>52</v>
      </c>
      <c r="B12" s="211">
        <v>45659</v>
      </c>
      <c r="C12" s="23" t="s">
        <v>44</v>
      </c>
      <c r="D12" s="23" t="s">
        <v>45</v>
      </c>
      <c r="E12" s="66">
        <v>35731851</v>
      </c>
      <c r="F12" s="23" t="s">
        <v>53</v>
      </c>
      <c r="G12" s="24">
        <v>350</v>
      </c>
      <c r="H12" s="24">
        <v>420</v>
      </c>
      <c r="I12" s="48" t="s">
        <v>47</v>
      </c>
      <c r="J12" s="23">
        <v>1792024</v>
      </c>
    </row>
    <row r="13" spans="1:10" x14ac:dyDescent="0.25">
      <c r="A13" s="17" t="s">
        <v>54</v>
      </c>
      <c r="B13" s="211">
        <v>45659</v>
      </c>
      <c r="C13" s="23" t="s">
        <v>44</v>
      </c>
      <c r="D13" s="23" t="s">
        <v>45</v>
      </c>
      <c r="E13" s="66">
        <v>35731851</v>
      </c>
      <c r="F13" s="23" t="s">
        <v>55</v>
      </c>
      <c r="G13" s="24">
        <v>350</v>
      </c>
      <c r="H13" s="24">
        <v>420</v>
      </c>
      <c r="I13" s="48" t="s">
        <v>47</v>
      </c>
      <c r="J13" s="23">
        <v>1792024</v>
      </c>
    </row>
    <row r="14" spans="1:10" x14ac:dyDescent="0.25">
      <c r="A14" s="17" t="s">
        <v>56</v>
      </c>
      <c r="B14" s="211">
        <v>45659</v>
      </c>
      <c r="C14" s="23" t="s">
        <v>44</v>
      </c>
      <c r="D14" s="23" t="s">
        <v>45</v>
      </c>
      <c r="E14" s="66">
        <v>35731851</v>
      </c>
      <c r="F14" s="23" t="s">
        <v>57</v>
      </c>
      <c r="G14" s="24">
        <v>350</v>
      </c>
      <c r="H14" s="24">
        <v>420</v>
      </c>
      <c r="I14" s="48" t="s">
        <v>47</v>
      </c>
      <c r="J14" s="23">
        <v>1792024</v>
      </c>
    </row>
    <row r="15" spans="1:10" x14ac:dyDescent="0.25">
      <c r="A15" s="17" t="s">
        <v>58</v>
      </c>
      <c r="B15" s="211">
        <v>45659</v>
      </c>
      <c r="C15" s="23" t="s">
        <v>44</v>
      </c>
      <c r="D15" s="23" t="s">
        <v>45</v>
      </c>
      <c r="E15" s="66">
        <v>35731851</v>
      </c>
      <c r="F15" s="23" t="s">
        <v>59</v>
      </c>
      <c r="G15" s="24">
        <v>350</v>
      </c>
      <c r="H15" s="24">
        <v>420</v>
      </c>
      <c r="I15" s="48" t="s">
        <v>47</v>
      </c>
      <c r="J15" s="23">
        <v>1792024</v>
      </c>
    </row>
    <row r="16" spans="1:10" x14ac:dyDescent="0.25">
      <c r="A16" s="17" t="s">
        <v>60</v>
      </c>
      <c r="B16" s="211">
        <v>45659</v>
      </c>
      <c r="C16" s="23" t="s">
        <v>44</v>
      </c>
      <c r="D16" s="23" t="s">
        <v>45</v>
      </c>
      <c r="E16" s="66">
        <v>35731851</v>
      </c>
      <c r="F16" s="23" t="s">
        <v>61</v>
      </c>
      <c r="G16" s="24">
        <v>350</v>
      </c>
      <c r="H16" s="24">
        <v>420</v>
      </c>
      <c r="I16" s="48" t="s">
        <v>47</v>
      </c>
      <c r="J16" s="23">
        <v>1792024</v>
      </c>
    </row>
    <row r="17" spans="1:10" x14ac:dyDescent="0.25">
      <c r="A17" s="17" t="s">
        <v>62</v>
      </c>
      <c r="B17" s="211">
        <v>45660</v>
      </c>
      <c r="C17" s="23" t="s">
        <v>63</v>
      </c>
      <c r="D17" s="23" t="s">
        <v>64</v>
      </c>
      <c r="E17" s="66">
        <v>35872900</v>
      </c>
      <c r="F17" s="23" t="s">
        <v>65</v>
      </c>
      <c r="G17" s="24">
        <v>1000</v>
      </c>
      <c r="H17" s="24">
        <v>1200</v>
      </c>
      <c r="I17" s="48" t="s">
        <v>66</v>
      </c>
      <c r="J17" s="23">
        <v>2382024</v>
      </c>
    </row>
    <row r="18" spans="1:10" x14ac:dyDescent="0.25">
      <c r="A18" s="17" t="s">
        <v>67</v>
      </c>
      <c r="B18" s="211">
        <v>45660</v>
      </c>
      <c r="C18" s="23" t="s">
        <v>68</v>
      </c>
      <c r="D18" s="23" t="s">
        <v>69</v>
      </c>
      <c r="E18" s="66">
        <v>51906988</v>
      </c>
      <c r="F18" s="23" t="s">
        <v>70</v>
      </c>
      <c r="G18" s="24">
        <v>882.08</v>
      </c>
      <c r="H18" s="24">
        <v>1058.5</v>
      </c>
      <c r="I18" s="48" t="s">
        <v>71</v>
      </c>
      <c r="J18" s="23"/>
    </row>
    <row r="19" spans="1:10" x14ac:dyDescent="0.25">
      <c r="A19" s="17" t="s">
        <v>72</v>
      </c>
      <c r="B19" s="211">
        <v>45660</v>
      </c>
      <c r="C19" s="23" t="s">
        <v>73</v>
      </c>
      <c r="D19" s="26" t="s">
        <v>74</v>
      </c>
      <c r="E19" s="72">
        <v>35763469</v>
      </c>
      <c r="F19" s="26" t="s">
        <v>75</v>
      </c>
      <c r="G19" s="24">
        <v>5939.09</v>
      </c>
      <c r="H19" s="24">
        <v>7125.91</v>
      </c>
      <c r="I19" s="49" t="s">
        <v>76</v>
      </c>
      <c r="J19" s="23"/>
    </row>
    <row r="20" spans="1:10" x14ac:dyDescent="0.25">
      <c r="A20" s="17" t="s">
        <v>77</v>
      </c>
      <c r="B20" s="211">
        <v>45660</v>
      </c>
      <c r="C20" s="23" t="s">
        <v>73</v>
      </c>
      <c r="D20" s="26" t="s">
        <v>74</v>
      </c>
      <c r="E20" s="72">
        <v>35763469</v>
      </c>
      <c r="F20" s="23" t="s">
        <v>78</v>
      </c>
      <c r="G20" s="24">
        <v>0.8</v>
      </c>
      <c r="H20" s="24">
        <v>0.96</v>
      </c>
      <c r="I20" s="48" t="s">
        <v>79</v>
      </c>
      <c r="J20" s="23">
        <v>4022024</v>
      </c>
    </row>
    <row r="21" spans="1:10" x14ac:dyDescent="0.25">
      <c r="A21" s="17" t="s">
        <v>80</v>
      </c>
      <c r="B21" s="211">
        <v>45660</v>
      </c>
      <c r="C21" s="11" t="s">
        <v>81</v>
      </c>
      <c r="D21" s="23" t="s">
        <v>82</v>
      </c>
      <c r="E21" s="66">
        <v>35697270</v>
      </c>
      <c r="F21" s="23" t="s">
        <v>83</v>
      </c>
      <c r="G21" s="24">
        <v>4.08</v>
      </c>
      <c r="H21" s="24">
        <v>4.9000000000000004</v>
      </c>
      <c r="I21" s="48" t="s">
        <v>84</v>
      </c>
      <c r="J21" s="23"/>
    </row>
    <row r="22" spans="1:10" x14ac:dyDescent="0.25">
      <c r="A22" s="17" t="s">
        <v>85</v>
      </c>
      <c r="B22" s="211">
        <v>45664</v>
      </c>
      <c r="C22" s="11" t="s">
        <v>35</v>
      </c>
      <c r="D22" s="11" t="s">
        <v>36</v>
      </c>
      <c r="E22" s="63">
        <v>35954248</v>
      </c>
      <c r="F22" s="11" t="s">
        <v>86</v>
      </c>
      <c r="G22" s="12">
        <v>83.33</v>
      </c>
      <c r="H22" s="12">
        <v>100</v>
      </c>
      <c r="I22" s="47"/>
      <c r="J22" s="11">
        <v>3652024</v>
      </c>
    </row>
    <row r="23" spans="1:10" x14ac:dyDescent="0.25">
      <c r="A23" s="17" t="s">
        <v>87</v>
      </c>
      <c r="B23" s="211">
        <v>45666</v>
      </c>
      <c r="C23" s="6" t="s">
        <v>88</v>
      </c>
      <c r="D23" s="6" t="s">
        <v>89</v>
      </c>
      <c r="E23" s="70">
        <v>35745274</v>
      </c>
      <c r="F23" s="6" t="s">
        <v>90</v>
      </c>
      <c r="G23" s="8">
        <v>618</v>
      </c>
      <c r="H23" s="8">
        <v>741.6</v>
      </c>
      <c r="I23" s="49" t="s">
        <v>91</v>
      </c>
      <c r="J23" s="6"/>
    </row>
    <row r="24" spans="1:10" x14ac:dyDescent="0.25">
      <c r="A24" s="17" t="s">
        <v>92</v>
      </c>
      <c r="B24" s="211">
        <v>45664</v>
      </c>
      <c r="C24" s="11" t="s">
        <v>35</v>
      </c>
      <c r="D24" s="11" t="s">
        <v>36</v>
      </c>
      <c r="E24" s="63">
        <v>35954248</v>
      </c>
      <c r="F24" s="11" t="s">
        <v>93</v>
      </c>
      <c r="G24" s="12">
        <v>83.33</v>
      </c>
      <c r="H24" s="12">
        <v>100</v>
      </c>
      <c r="I24" s="47"/>
      <c r="J24" s="11">
        <v>3632024</v>
      </c>
    </row>
    <row r="25" spans="1:10" x14ac:dyDescent="0.25">
      <c r="A25" s="17" t="s">
        <v>94</v>
      </c>
      <c r="B25" s="211">
        <v>45664</v>
      </c>
      <c r="C25" s="17" t="s">
        <v>95</v>
      </c>
      <c r="D25" s="17" t="s">
        <v>96</v>
      </c>
      <c r="E25" s="60">
        <v>31322832</v>
      </c>
      <c r="F25" s="17" t="s">
        <v>97</v>
      </c>
      <c r="G25" s="12">
        <v>4321.51</v>
      </c>
      <c r="H25" s="12">
        <v>4921.83</v>
      </c>
      <c r="I25" s="50" t="s">
        <v>98</v>
      </c>
      <c r="J25" s="11"/>
    </row>
    <row r="26" spans="1:10" x14ac:dyDescent="0.25">
      <c r="A26" s="17" t="s">
        <v>99</v>
      </c>
      <c r="B26" s="211">
        <v>45665</v>
      </c>
      <c r="C26" s="16" t="s">
        <v>100</v>
      </c>
      <c r="D26" s="16" t="s">
        <v>101</v>
      </c>
      <c r="E26" s="65">
        <v>36769304</v>
      </c>
      <c r="F26" s="16" t="s">
        <v>102</v>
      </c>
      <c r="G26" s="18">
        <v>2880</v>
      </c>
      <c r="H26" s="24">
        <v>3456</v>
      </c>
      <c r="I26" s="27" t="s">
        <v>103</v>
      </c>
      <c r="J26" s="23"/>
    </row>
    <row r="27" spans="1:10" x14ac:dyDescent="0.25">
      <c r="A27" s="17" t="s">
        <v>104</v>
      </c>
      <c r="B27" s="211">
        <v>45665</v>
      </c>
      <c r="C27" s="11" t="s">
        <v>105</v>
      </c>
      <c r="D27" s="23" t="s">
        <v>106</v>
      </c>
      <c r="E27" s="66">
        <v>31327681</v>
      </c>
      <c r="F27" s="23" t="s">
        <v>107</v>
      </c>
      <c r="G27" s="12">
        <v>5870</v>
      </c>
      <c r="H27" s="12">
        <v>7044</v>
      </c>
      <c r="I27" s="47" t="s">
        <v>108</v>
      </c>
      <c r="J27" s="11">
        <v>1302024</v>
      </c>
    </row>
    <row r="28" spans="1:10" x14ac:dyDescent="0.25">
      <c r="A28" s="17" t="s">
        <v>109</v>
      </c>
      <c r="B28" s="211">
        <v>45665</v>
      </c>
      <c r="C28" s="6" t="s">
        <v>110</v>
      </c>
      <c r="D28" s="6" t="s">
        <v>111</v>
      </c>
      <c r="E28" s="64">
        <v>35849436</v>
      </c>
      <c r="F28" s="6" t="s">
        <v>112</v>
      </c>
      <c r="G28" s="12">
        <v>82.92</v>
      </c>
      <c r="H28" s="12">
        <v>99.5</v>
      </c>
      <c r="I28" s="47"/>
      <c r="J28" s="11">
        <v>3972024</v>
      </c>
    </row>
    <row r="29" spans="1:10" x14ac:dyDescent="0.25">
      <c r="A29" s="17" t="s">
        <v>113</v>
      </c>
      <c r="B29" s="211">
        <v>45665</v>
      </c>
      <c r="C29" s="6" t="s">
        <v>110</v>
      </c>
      <c r="D29" s="6" t="s">
        <v>111</v>
      </c>
      <c r="E29" s="64">
        <v>35849436</v>
      </c>
      <c r="F29" s="6" t="s">
        <v>112</v>
      </c>
      <c r="G29" s="12">
        <v>600.99</v>
      </c>
      <c r="H29" s="12">
        <v>721.21</v>
      </c>
      <c r="I29" s="47"/>
      <c r="J29" s="11">
        <v>3972024</v>
      </c>
    </row>
    <row r="30" spans="1:10" x14ac:dyDescent="0.25">
      <c r="A30" s="17" t="s">
        <v>114</v>
      </c>
      <c r="B30" s="211">
        <v>45667</v>
      </c>
      <c r="C30" s="23" t="s">
        <v>44</v>
      </c>
      <c r="D30" s="23" t="s">
        <v>45</v>
      </c>
      <c r="E30" s="66">
        <v>35731851</v>
      </c>
      <c r="F30" s="11" t="s">
        <v>115</v>
      </c>
      <c r="G30" s="12">
        <v>200</v>
      </c>
      <c r="H30" s="12">
        <v>200</v>
      </c>
      <c r="I30" s="48" t="s">
        <v>47</v>
      </c>
      <c r="J30" s="11"/>
    </row>
    <row r="31" spans="1:10" x14ac:dyDescent="0.25">
      <c r="A31" s="17" t="s">
        <v>116</v>
      </c>
      <c r="B31" s="212">
        <v>45672</v>
      </c>
      <c r="C31" s="23" t="s">
        <v>117</v>
      </c>
      <c r="D31" s="23" t="s">
        <v>118</v>
      </c>
      <c r="E31" s="66">
        <v>46380434</v>
      </c>
      <c r="F31" s="23" t="s">
        <v>119</v>
      </c>
      <c r="G31" s="24">
        <v>1045</v>
      </c>
      <c r="H31" s="24">
        <v>1254</v>
      </c>
      <c r="I31" s="48" t="s">
        <v>120</v>
      </c>
      <c r="J31" s="23"/>
    </row>
    <row r="32" spans="1:10" x14ac:dyDescent="0.25">
      <c r="A32" s="34" t="s">
        <v>121</v>
      </c>
      <c r="B32" s="211">
        <v>45659</v>
      </c>
      <c r="C32" s="11" t="s">
        <v>122</v>
      </c>
      <c r="D32" s="6" t="s">
        <v>123</v>
      </c>
      <c r="E32" s="64">
        <v>46921931</v>
      </c>
      <c r="F32" s="11" t="s">
        <v>124</v>
      </c>
      <c r="G32" s="8">
        <v>23678.89</v>
      </c>
      <c r="H32" s="8">
        <v>25046.63</v>
      </c>
      <c r="I32" s="49" t="s">
        <v>125</v>
      </c>
      <c r="J32" s="6"/>
    </row>
    <row r="33" spans="1:10" x14ac:dyDescent="0.25">
      <c r="A33" s="34" t="s">
        <v>126</v>
      </c>
      <c r="B33" s="211">
        <v>45660</v>
      </c>
      <c r="C33" s="23" t="s">
        <v>127</v>
      </c>
      <c r="D33" s="23" t="s">
        <v>128</v>
      </c>
      <c r="E33" s="66">
        <v>36795135</v>
      </c>
      <c r="F33" s="23" t="s">
        <v>129</v>
      </c>
      <c r="G33" s="24">
        <v>6617.76</v>
      </c>
      <c r="H33" s="24">
        <v>6652.26</v>
      </c>
      <c r="I33" s="48" t="s">
        <v>130</v>
      </c>
      <c r="J33" s="23"/>
    </row>
    <row r="34" spans="1:10" x14ac:dyDescent="0.25">
      <c r="A34" s="34" t="s">
        <v>131</v>
      </c>
      <c r="B34" s="211">
        <v>45660</v>
      </c>
      <c r="C34" s="19" t="s">
        <v>127</v>
      </c>
      <c r="D34" s="23" t="s">
        <v>128</v>
      </c>
      <c r="E34" s="66">
        <v>36795135</v>
      </c>
      <c r="F34" s="23" t="s">
        <v>132</v>
      </c>
      <c r="G34" s="24">
        <v>2142.4</v>
      </c>
      <c r="H34" s="24">
        <v>2619.73</v>
      </c>
      <c r="I34" s="48" t="s">
        <v>130</v>
      </c>
      <c r="J34" s="23"/>
    </row>
    <row r="35" spans="1:10" x14ac:dyDescent="0.25">
      <c r="A35" s="34" t="s">
        <v>133</v>
      </c>
      <c r="B35" s="211">
        <v>45660</v>
      </c>
      <c r="C35" s="23" t="s">
        <v>134</v>
      </c>
      <c r="D35" s="23" t="s">
        <v>135</v>
      </c>
      <c r="E35" s="73">
        <v>35889063</v>
      </c>
      <c r="F35" s="19" t="s">
        <v>136</v>
      </c>
      <c r="G35" s="24">
        <v>100</v>
      </c>
      <c r="H35" s="20">
        <v>100</v>
      </c>
      <c r="I35" s="51" t="s">
        <v>137</v>
      </c>
      <c r="J35" s="19"/>
    </row>
    <row r="36" spans="1:10" x14ac:dyDescent="0.25">
      <c r="A36" s="34" t="s">
        <v>138</v>
      </c>
      <c r="B36" s="211">
        <v>45660</v>
      </c>
      <c r="C36" s="23" t="s">
        <v>139</v>
      </c>
      <c r="D36" s="23" t="s">
        <v>140</v>
      </c>
      <c r="E36" s="66">
        <v>47235713</v>
      </c>
      <c r="F36" s="23" t="s">
        <v>141</v>
      </c>
      <c r="G36" s="24">
        <v>5791.05</v>
      </c>
      <c r="H36" s="24">
        <v>7122.99</v>
      </c>
      <c r="I36" s="48" t="s">
        <v>142</v>
      </c>
      <c r="J36" s="23"/>
    </row>
    <row r="37" spans="1:10" x14ac:dyDescent="0.25">
      <c r="A37" s="34" t="s">
        <v>143</v>
      </c>
      <c r="B37" s="211">
        <v>45660</v>
      </c>
      <c r="C37" s="21" t="s">
        <v>139</v>
      </c>
      <c r="D37" s="22" t="s">
        <v>140</v>
      </c>
      <c r="E37" s="63">
        <v>47235713</v>
      </c>
      <c r="F37" s="11" t="s">
        <v>144</v>
      </c>
      <c r="G37" s="12">
        <v>1700</v>
      </c>
      <c r="H37" s="12">
        <v>2091</v>
      </c>
      <c r="I37" s="47" t="s">
        <v>142</v>
      </c>
      <c r="J37" s="11"/>
    </row>
    <row r="38" spans="1:10" x14ac:dyDescent="0.25">
      <c r="A38" s="34" t="s">
        <v>145</v>
      </c>
      <c r="B38" s="211">
        <v>45660</v>
      </c>
      <c r="C38" s="23" t="s">
        <v>139</v>
      </c>
      <c r="D38" s="23" t="s">
        <v>140</v>
      </c>
      <c r="E38" s="66">
        <v>47235713</v>
      </c>
      <c r="F38" s="23" t="s">
        <v>146</v>
      </c>
      <c r="G38" s="24">
        <v>25625.82</v>
      </c>
      <c r="H38" s="24">
        <v>26455.68</v>
      </c>
      <c r="I38" s="48" t="s">
        <v>142</v>
      </c>
      <c r="J38" s="23"/>
    </row>
    <row r="39" spans="1:10" x14ac:dyDescent="0.25">
      <c r="A39" s="34" t="s">
        <v>147</v>
      </c>
      <c r="B39" s="211">
        <v>45664</v>
      </c>
      <c r="C39" s="11" t="s">
        <v>148</v>
      </c>
      <c r="D39" s="23" t="s">
        <v>149</v>
      </c>
      <c r="E39" s="66">
        <v>53227514</v>
      </c>
      <c r="F39" s="23" t="s">
        <v>150</v>
      </c>
      <c r="G39" s="24">
        <v>16394</v>
      </c>
      <c r="H39" s="24">
        <v>16624</v>
      </c>
      <c r="I39" s="48" t="s">
        <v>151</v>
      </c>
      <c r="J39" s="23"/>
    </row>
    <row r="40" spans="1:10" x14ac:dyDescent="0.25">
      <c r="A40" s="34" t="s">
        <v>152</v>
      </c>
      <c r="B40" s="211">
        <v>45664</v>
      </c>
      <c r="C40" s="11" t="s">
        <v>148</v>
      </c>
      <c r="D40" s="23" t="s">
        <v>149</v>
      </c>
      <c r="E40" s="66">
        <v>53227514</v>
      </c>
      <c r="F40" s="23" t="s">
        <v>153</v>
      </c>
      <c r="G40" s="24">
        <v>2500</v>
      </c>
      <c r="H40" s="24">
        <v>3075</v>
      </c>
      <c r="I40" s="48" t="s">
        <v>151</v>
      </c>
      <c r="J40" s="23"/>
    </row>
    <row r="41" spans="1:10" x14ac:dyDescent="0.25">
      <c r="A41" s="34" t="s">
        <v>154</v>
      </c>
      <c r="B41" s="211">
        <v>45664</v>
      </c>
      <c r="C41" s="11" t="s">
        <v>155</v>
      </c>
      <c r="D41" s="11" t="s">
        <v>156</v>
      </c>
      <c r="E41" s="63">
        <v>36687936</v>
      </c>
      <c r="F41" s="11" t="s">
        <v>157</v>
      </c>
      <c r="G41" s="12">
        <v>19323.099999999999</v>
      </c>
      <c r="H41" s="12">
        <v>19714.099999999999</v>
      </c>
      <c r="I41" s="47" t="s">
        <v>158</v>
      </c>
      <c r="J41" s="11"/>
    </row>
    <row r="42" spans="1:10" x14ac:dyDescent="0.25">
      <c r="A42" s="34" t="s">
        <v>159</v>
      </c>
      <c r="B42" s="211">
        <v>45664</v>
      </c>
      <c r="C42" s="11" t="s">
        <v>155</v>
      </c>
      <c r="D42" s="11" t="s">
        <v>156</v>
      </c>
      <c r="E42" s="63">
        <v>36687936</v>
      </c>
      <c r="F42" s="11" t="s">
        <v>160</v>
      </c>
      <c r="G42" s="12">
        <v>4386</v>
      </c>
      <c r="H42" s="12">
        <v>5394.78</v>
      </c>
      <c r="I42" s="47" t="s">
        <v>158</v>
      </c>
      <c r="J42" s="11"/>
    </row>
    <row r="43" spans="1:10" x14ac:dyDescent="0.25">
      <c r="A43" s="34" t="s">
        <v>161</v>
      </c>
      <c r="B43" s="211">
        <v>45664</v>
      </c>
      <c r="C43" s="11" t="s">
        <v>155</v>
      </c>
      <c r="D43" s="11" t="s">
        <v>156</v>
      </c>
      <c r="E43" s="63">
        <v>36687936</v>
      </c>
      <c r="F43" s="11" t="s">
        <v>162</v>
      </c>
      <c r="G43" s="8">
        <v>2777.8</v>
      </c>
      <c r="H43" s="12">
        <v>3416.69</v>
      </c>
      <c r="I43" s="47" t="s">
        <v>158</v>
      </c>
      <c r="J43" s="11"/>
    </row>
    <row r="44" spans="1:10" x14ac:dyDescent="0.25">
      <c r="A44" s="34" t="s">
        <v>163</v>
      </c>
      <c r="B44" s="211">
        <v>45664</v>
      </c>
      <c r="C44" s="6" t="s">
        <v>164</v>
      </c>
      <c r="D44" s="6" t="s">
        <v>165</v>
      </c>
      <c r="E44" s="70">
        <v>43799485</v>
      </c>
      <c r="F44" s="6" t="s">
        <v>166</v>
      </c>
      <c r="G44" s="8">
        <v>3000</v>
      </c>
      <c r="H44" s="8">
        <v>3670</v>
      </c>
      <c r="I44" s="49" t="s">
        <v>167</v>
      </c>
      <c r="J44" s="6"/>
    </row>
    <row r="45" spans="1:10" x14ac:dyDescent="0.25">
      <c r="A45" s="34" t="s">
        <v>168</v>
      </c>
      <c r="B45" s="211">
        <v>45664</v>
      </c>
      <c r="C45" s="6" t="s">
        <v>164</v>
      </c>
      <c r="D45" s="6" t="s">
        <v>165</v>
      </c>
      <c r="E45" s="64">
        <v>43799485</v>
      </c>
      <c r="F45" s="6" t="s">
        <v>169</v>
      </c>
      <c r="G45" s="8">
        <v>17868.330000000002</v>
      </c>
      <c r="H45" s="8">
        <v>18006.330000000002</v>
      </c>
      <c r="I45" s="49" t="s">
        <v>167</v>
      </c>
      <c r="J45" s="6"/>
    </row>
    <row r="46" spans="1:10" x14ac:dyDescent="0.25">
      <c r="A46" s="10" t="s">
        <v>170</v>
      </c>
      <c r="B46" s="211">
        <v>45665</v>
      </c>
      <c r="C46" s="23" t="s">
        <v>171</v>
      </c>
      <c r="D46" s="23" t="s">
        <v>172</v>
      </c>
      <c r="E46" s="73">
        <v>35889063</v>
      </c>
      <c r="F46" s="11" t="s">
        <v>124</v>
      </c>
      <c r="G46" s="24">
        <v>181100.41</v>
      </c>
      <c r="H46" s="24">
        <v>192535.82</v>
      </c>
      <c r="I46" s="48" t="s">
        <v>173</v>
      </c>
      <c r="J46" s="23"/>
    </row>
    <row r="47" spans="1:10" x14ac:dyDescent="0.25">
      <c r="A47" s="34" t="s">
        <v>174</v>
      </c>
      <c r="B47" s="211">
        <v>45665</v>
      </c>
      <c r="C47" s="6" t="s">
        <v>171</v>
      </c>
      <c r="D47" s="6" t="s">
        <v>172</v>
      </c>
      <c r="E47" s="64">
        <v>52599515</v>
      </c>
      <c r="F47" s="16" t="s">
        <v>175</v>
      </c>
      <c r="G47" s="18">
        <v>1947.61</v>
      </c>
      <c r="H47" s="18">
        <v>1991.71</v>
      </c>
      <c r="I47" s="52" t="s">
        <v>173</v>
      </c>
      <c r="J47" s="16"/>
    </row>
    <row r="48" spans="1:10" x14ac:dyDescent="0.25">
      <c r="A48" s="34" t="s">
        <v>176</v>
      </c>
      <c r="B48" s="211">
        <v>45301</v>
      </c>
      <c r="C48" s="11" t="s">
        <v>177</v>
      </c>
      <c r="D48" s="11" t="s">
        <v>178</v>
      </c>
      <c r="E48" s="63">
        <v>53528654</v>
      </c>
      <c r="F48" s="19" t="s">
        <v>179</v>
      </c>
      <c r="G48" s="12">
        <v>3704.63</v>
      </c>
      <c r="H48" s="12">
        <v>3704.63</v>
      </c>
      <c r="I48" s="52" t="s">
        <v>180</v>
      </c>
      <c r="J48" s="11">
        <v>42025</v>
      </c>
    </row>
    <row r="49" spans="1:10" x14ac:dyDescent="0.25">
      <c r="A49" s="34" t="s">
        <v>181</v>
      </c>
      <c r="B49" s="211">
        <v>45667</v>
      </c>
      <c r="C49" s="11" t="s">
        <v>182</v>
      </c>
      <c r="D49" s="11" t="s">
        <v>183</v>
      </c>
      <c r="E49" s="63">
        <v>48059528</v>
      </c>
      <c r="F49" s="11" t="s">
        <v>184</v>
      </c>
      <c r="G49" s="12">
        <v>3040</v>
      </c>
      <c r="H49" s="12">
        <v>3192</v>
      </c>
      <c r="I49" s="47" t="s">
        <v>185</v>
      </c>
      <c r="J49" s="11"/>
    </row>
    <row r="50" spans="1:10" x14ac:dyDescent="0.25">
      <c r="A50" s="34" t="s">
        <v>186</v>
      </c>
      <c r="B50" s="211">
        <v>45670</v>
      </c>
      <c r="C50" s="19" t="s">
        <v>187</v>
      </c>
      <c r="D50" s="19" t="s">
        <v>188</v>
      </c>
      <c r="E50" s="67">
        <v>35954612</v>
      </c>
      <c r="F50" s="11" t="s">
        <v>189</v>
      </c>
      <c r="G50" s="8">
        <v>1230.5999999999999</v>
      </c>
      <c r="H50" s="8">
        <v>1476.72</v>
      </c>
      <c r="I50" s="47" t="s">
        <v>190</v>
      </c>
      <c r="J50" s="6">
        <v>2672024</v>
      </c>
    </row>
    <row r="51" spans="1:10" x14ac:dyDescent="0.25">
      <c r="A51" s="34" t="s">
        <v>191</v>
      </c>
      <c r="B51" s="211">
        <v>45670</v>
      </c>
      <c r="C51" s="19" t="s">
        <v>187</v>
      </c>
      <c r="D51" s="19" t="s">
        <v>188</v>
      </c>
      <c r="E51" s="67">
        <v>35954612</v>
      </c>
      <c r="F51" s="11" t="s">
        <v>192</v>
      </c>
      <c r="G51" s="8">
        <v>1250.5999999999999</v>
      </c>
      <c r="H51" s="8">
        <v>1500.72</v>
      </c>
      <c r="I51" s="47" t="s">
        <v>190</v>
      </c>
      <c r="J51" s="6">
        <v>2672024</v>
      </c>
    </row>
    <row r="52" spans="1:10" x14ac:dyDescent="0.25">
      <c r="A52" s="34" t="s">
        <v>193</v>
      </c>
      <c r="B52" s="211">
        <v>45670</v>
      </c>
      <c r="C52" s="19" t="s">
        <v>187</v>
      </c>
      <c r="D52" s="19" t="s">
        <v>188</v>
      </c>
      <c r="E52" s="67">
        <v>35954612</v>
      </c>
      <c r="F52" s="19" t="s">
        <v>194</v>
      </c>
      <c r="G52" s="24">
        <v>1259</v>
      </c>
      <c r="H52" s="24">
        <v>1510.8</v>
      </c>
      <c r="I52" s="54" t="s">
        <v>190</v>
      </c>
      <c r="J52" s="23">
        <v>2672024</v>
      </c>
    </row>
    <row r="53" spans="1:10" x14ac:dyDescent="0.25">
      <c r="A53" s="34" t="s">
        <v>195</v>
      </c>
      <c r="B53" s="211">
        <v>45670</v>
      </c>
      <c r="C53" s="19" t="s">
        <v>187</v>
      </c>
      <c r="D53" s="19" t="s">
        <v>188</v>
      </c>
      <c r="E53" s="67">
        <v>35954612</v>
      </c>
      <c r="F53" s="11" t="s">
        <v>196</v>
      </c>
      <c r="G53" s="8">
        <v>1239.4000000000001</v>
      </c>
      <c r="H53" s="8">
        <v>1487.28</v>
      </c>
      <c r="I53" s="47" t="s">
        <v>190</v>
      </c>
      <c r="J53" s="6">
        <v>2672024</v>
      </c>
    </row>
    <row r="54" spans="1:10" x14ac:dyDescent="0.25">
      <c r="A54" s="34" t="s">
        <v>197</v>
      </c>
      <c r="B54" s="211">
        <v>45670</v>
      </c>
      <c r="C54" s="19" t="s">
        <v>187</v>
      </c>
      <c r="D54" s="19" t="s">
        <v>188</v>
      </c>
      <c r="E54" s="67">
        <v>35954612</v>
      </c>
      <c r="F54" s="11" t="s">
        <v>198</v>
      </c>
      <c r="G54" s="8">
        <v>1246.5999999999999</v>
      </c>
      <c r="H54" s="8">
        <v>1495.92</v>
      </c>
      <c r="I54" s="47" t="s">
        <v>190</v>
      </c>
      <c r="J54" s="6">
        <v>2672024</v>
      </c>
    </row>
    <row r="55" spans="1:10" x14ac:dyDescent="0.25">
      <c r="A55" s="34" t="s">
        <v>199</v>
      </c>
      <c r="B55" s="211">
        <v>45670</v>
      </c>
      <c r="C55" s="19" t="s">
        <v>187</v>
      </c>
      <c r="D55" s="19" t="s">
        <v>188</v>
      </c>
      <c r="E55" s="67">
        <v>35954612</v>
      </c>
      <c r="F55" s="11" t="s">
        <v>200</v>
      </c>
      <c r="G55" s="8">
        <v>1238.5999999999999</v>
      </c>
      <c r="H55" s="8">
        <v>1486.32</v>
      </c>
      <c r="I55" s="47" t="s">
        <v>190</v>
      </c>
      <c r="J55" s="6">
        <v>2672024</v>
      </c>
    </row>
    <row r="56" spans="1:10" x14ac:dyDescent="0.25">
      <c r="A56" s="34" t="s">
        <v>201</v>
      </c>
      <c r="B56" s="211">
        <v>45670</v>
      </c>
      <c r="C56" s="19" t="s">
        <v>187</v>
      </c>
      <c r="D56" s="19" t="s">
        <v>188</v>
      </c>
      <c r="E56" s="67">
        <v>35954612</v>
      </c>
      <c r="F56" s="11" t="s">
        <v>202</v>
      </c>
      <c r="G56" s="8">
        <v>1276.2</v>
      </c>
      <c r="H56" s="8">
        <v>1531.44</v>
      </c>
      <c r="I56" s="47" t="s">
        <v>190</v>
      </c>
      <c r="J56" s="6">
        <v>2672024</v>
      </c>
    </row>
    <row r="57" spans="1:10" x14ac:dyDescent="0.25">
      <c r="A57" s="34" t="s">
        <v>203</v>
      </c>
      <c r="B57" s="211">
        <v>45670</v>
      </c>
      <c r="C57" s="19" t="s">
        <v>187</v>
      </c>
      <c r="D57" s="19" t="s">
        <v>188</v>
      </c>
      <c r="E57" s="67">
        <v>35954612</v>
      </c>
      <c r="F57" s="6" t="s">
        <v>204</v>
      </c>
      <c r="G57" s="8">
        <v>7385</v>
      </c>
      <c r="H57" s="8">
        <v>8862</v>
      </c>
      <c r="I57" s="49" t="s">
        <v>190</v>
      </c>
      <c r="J57" s="6">
        <v>2672024</v>
      </c>
    </row>
    <row r="58" spans="1:10" x14ac:dyDescent="0.25">
      <c r="A58" s="34" t="s">
        <v>205</v>
      </c>
      <c r="B58" s="211">
        <v>45670</v>
      </c>
      <c r="C58" s="19" t="s">
        <v>187</v>
      </c>
      <c r="D58" s="19" t="s">
        <v>188</v>
      </c>
      <c r="E58" s="67">
        <v>35954612</v>
      </c>
      <c r="F58" s="11" t="s">
        <v>206</v>
      </c>
      <c r="G58" s="8">
        <v>0.96</v>
      </c>
      <c r="H58" s="8">
        <v>1.1499999999999999</v>
      </c>
      <c r="I58" s="47" t="s">
        <v>190</v>
      </c>
      <c r="J58" s="6">
        <v>2672024</v>
      </c>
    </row>
    <row r="59" spans="1:10" x14ac:dyDescent="0.25">
      <c r="A59" s="34" t="s">
        <v>207</v>
      </c>
      <c r="B59" s="211">
        <v>45670</v>
      </c>
      <c r="C59" s="19" t="s">
        <v>187</v>
      </c>
      <c r="D59" s="19" t="s">
        <v>188</v>
      </c>
      <c r="E59" s="67">
        <v>35954612</v>
      </c>
      <c r="F59" s="11" t="s">
        <v>208</v>
      </c>
      <c r="G59" s="8">
        <v>3.16</v>
      </c>
      <c r="H59" s="8">
        <v>3.76</v>
      </c>
      <c r="I59" s="47" t="s">
        <v>190</v>
      </c>
      <c r="J59" s="6">
        <v>2672024</v>
      </c>
    </row>
    <row r="60" spans="1:10" x14ac:dyDescent="0.25">
      <c r="A60" s="34" t="s">
        <v>209</v>
      </c>
      <c r="B60" s="211">
        <v>45670</v>
      </c>
      <c r="C60" s="19" t="s">
        <v>187</v>
      </c>
      <c r="D60" s="19" t="s">
        <v>188</v>
      </c>
      <c r="E60" s="67">
        <v>35954612</v>
      </c>
      <c r="F60" s="19" t="s">
        <v>210</v>
      </c>
      <c r="G60" s="24">
        <v>5.5</v>
      </c>
      <c r="H60" s="24">
        <v>6.6</v>
      </c>
      <c r="I60" s="54" t="s">
        <v>190</v>
      </c>
      <c r="J60" s="23">
        <v>2672024</v>
      </c>
    </row>
    <row r="61" spans="1:10" x14ac:dyDescent="0.25">
      <c r="A61" s="34" t="s">
        <v>211</v>
      </c>
      <c r="B61" s="211">
        <v>45670</v>
      </c>
      <c r="C61" s="19" t="s">
        <v>187</v>
      </c>
      <c r="D61" s="19" t="s">
        <v>188</v>
      </c>
      <c r="E61" s="67">
        <v>35954612</v>
      </c>
      <c r="F61" s="11" t="s">
        <v>212</v>
      </c>
      <c r="G61" s="8">
        <v>0.33</v>
      </c>
      <c r="H61" s="8">
        <v>0.4</v>
      </c>
      <c r="I61" s="47" t="s">
        <v>190</v>
      </c>
      <c r="J61" s="6">
        <v>2672024</v>
      </c>
    </row>
    <row r="62" spans="1:10" x14ac:dyDescent="0.25">
      <c r="A62" s="34" t="s">
        <v>213</v>
      </c>
      <c r="B62" s="211">
        <v>45670</v>
      </c>
      <c r="C62" s="19" t="s">
        <v>187</v>
      </c>
      <c r="D62" s="19" t="s">
        <v>188</v>
      </c>
      <c r="E62" s="67">
        <v>35954612</v>
      </c>
      <c r="F62" s="11" t="s">
        <v>214</v>
      </c>
      <c r="G62" s="8">
        <v>3.9</v>
      </c>
      <c r="H62" s="8">
        <v>4.68</v>
      </c>
      <c r="I62" s="47" t="s">
        <v>190</v>
      </c>
      <c r="J62" s="6">
        <v>2672024</v>
      </c>
    </row>
    <row r="63" spans="1:10" x14ac:dyDescent="0.25">
      <c r="A63" s="34" t="s">
        <v>215</v>
      </c>
      <c r="B63" s="211">
        <v>45670</v>
      </c>
      <c r="C63" s="19" t="s">
        <v>187</v>
      </c>
      <c r="D63" s="19" t="s">
        <v>188</v>
      </c>
      <c r="E63" s="67">
        <v>35954612</v>
      </c>
      <c r="F63" s="11" t="s">
        <v>216</v>
      </c>
      <c r="G63" s="8">
        <v>3.07</v>
      </c>
      <c r="H63" s="8">
        <v>3.68</v>
      </c>
      <c r="I63" s="47" t="s">
        <v>190</v>
      </c>
      <c r="J63" s="6">
        <v>2672024</v>
      </c>
    </row>
    <row r="64" spans="1:10" x14ac:dyDescent="0.25">
      <c r="A64" s="34" t="s">
        <v>217</v>
      </c>
      <c r="B64" s="211">
        <v>45670</v>
      </c>
      <c r="C64" s="19" t="s">
        <v>187</v>
      </c>
      <c r="D64" s="19" t="s">
        <v>188</v>
      </c>
      <c r="E64" s="67">
        <v>35954612</v>
      </c>
      <c r="F64" s="11" t="s">
        <v>218</v>
      </c>
      <c r="G64" s="8">
        <v>7.14</v>
      </c>
      <c r="H64" s="8">
        <v>8.57</v>
      </c>
      <c r="I64" s="47" t="s">
        <v>190</v>
      </c>
      <c r="J64" s="6">
        <v>2672024</v>
      </c>
    </row>
    <row r="65" spans="1:10" x14ac:dyDescent="0.25">
      <c r="A65" s="34" t="s">
        <v>219</v>
      </c>
      <c r="B65" s="211">
        <v>45670</v>
      </c>
      <c r="C65" s="19" t="s">
        <v>187</v>
      </c>
      <c r="D65" s="19" t="s">
        <v>188</v>
      </c>
      <c r="E65" s="67">
        <v>35954612</v>
      </c>
      <c r="F65" s="6" t="s">
        <v>220</v>
      </c>
      <c r="G65" s="8">
        <v>82.91</v>
      </c>
      <c r="H65" s="8">
        <v>99.49</v>
      </c>
      <c r="I65" s="49" t="s">
        <v>190</v>
      </c>
      <c r="J65" s="6">
        <v>2672024</v>
      </c>
    </row>
    <row r="66" spans="1:10" x14ac:dyDescent="0.25">
      <c r="A66" s="34" t="s">
        <v>221</v>
      </c>
      <c r="B66" s="211">
        <v>45670</v>
      </c>
      <c r="C66" s="19" t="s">
        <v>187</v>
      </c>
      <c r="D66" s="19" t="s">
        <v>188</v>
      </c>
      <c r="E66" s="67">
        <v>35954612</v>
      </c>
      <c r="F66" s="19" t="s">
        <v>222</v>
      </c>
      <c r="G66" s="8">
        <v>6550</v>
      </c>
      <c r="H66" s="8">
        <v>7860</v>
      </c>
      <c r="I66" s="47" t="s">
        <v>223</v>
      </c>
      <c r="J66" s="11">
        <v>212024</v>
      </c>
    </row>
    <row r="67" spans="1:10" x14ac:dyDescent="0.25">
      <c r="A67" s="34" t="s">
        <v>224</v>
      </c>
      <c r="B67" s="211">
        <v>45670</v>
      </c>
      <c r="C67" s="19" t="s">
        <v>187</v>
      </c>
      <c r="D67" s="19" t="s">
        <v>188</v>
      </c>
      <c r="E67" s="67">
        <v>35954612</v>
      </c>
      <c r="F67" s="19" t="s">
        <v>225</v>
      </c>
      <c r="G67" s="8">
        <v>6970</v>
      </c>
      <c r="H67" s="8">
        <v>8364</v>
      </c>
      <c r="I67" s="47" t="s">
        <v>223</v>
      </c>
      <c r="J67" s="11">
        <v>212024</v>
      </c>
    </row>
    <row r="68" spans="1:10" x14ac:dyDescent="0.25">
      <c r="A68" s="34" t="s">
        <v>226</v>
      </c>
      <c r="B68" s="211">
        <v>45670</v>
      </c>
      <c r="C68" s="19" t="s">
        <v>187</v>
      </c>
      <c r="D68" s="19" t="s">
        <v>188</v>
      </c>
      <c r="E68" s="67">
        <v>35954612</v>
      </c>
      <c r="F68" s="19" t="s">
        <v>227</v>
      </c>
      <c r="G68" s="8">
        <v>5170</v>
      </c>
      <c r="H68" s="8">
        <v>6204</v>
      </c>
      <c r="I68" s="47" t="s">
        <v>223</v>
      </c>
      <c r="J68" s="11">
        <v>212024</v>
      </c>
    </row>
    <row r="69" spans="1:10" x14ac:dyDescent="0.25">
      <c r="A69" s="34" t="s">
        <v>228</v>
      </c>
      <c r="B69" s="211">
        <v>45670</v>
      </c>
      <c r="C69" s="19" t="s">
        <v>187</v>
      </c>
      <c r="D69" s="19" t="s">
        <v>188</v>
      </c>
      <c r="E69" s="67">
        <v>35954612</v>
      </c>
      <c r="F69" s="19" t="s">
        <v>229</v>
      </c>
      <c r="G69" s="8">
        <v>6160</v>
      </c>
      <c r="H69" s="8">
        <v>7392</v>
      </c>
      <c r="I69" s="47" t="s">
        <v>223</v>
      </c>
      <c r="J69" s="11">
        <v>212024</v>
      </c>
    </row>
    <row r="70" spans="1:10" x14ac:dyDescent="0.25">
      <c r="A70" s="34" t="s">
        <v>230</v>
      </c>
      <c r="B70" s="211">
        <v>45670</v>
      </c>
      <c r="C70" s="19" t="s">
        <v>187</v>
      </c>
      <c r="D70" s="19" t="s">
        <v>188</v>
      </c>
      <c r="E70" s="67">
        <v>35954612</v>
      </c>
      <c r="F70" s="19" t="s">
        <v>231</v>
      </c>
      <c r="G70" s="8">
        <v>28540</v>
      </c>
      <c r="H70" s="8">
        <v>34248</v>
      </c>
      <c r="I70" s="47" t="s">
        <v>223</v>
      </c>
      <c r="J70" s="11">
        <v>212024</v>
      </c>
    </row>
    <row r="71" spans="1:10" x14ac:dyDescent="0.25">
      <c r="A71" s="34" t="s">
        <v>232</v>
      </c>
      <c r="B71" s="211">
        <v>45670</v>
      </c>
      <c r="C71" s="19" t="s">
        <v>187</v>
      </c>
      <c r="D71" s="19" t="s">
        <v>188</v>
      </c>
      <c r="E71" s="67">
        <v>35954612</v>
      </c>
      <c r="F71" s="19" t="s">
        <v>233</v>
      </c>
      <c r="G71" s="8">
        <v>7520</v>
      </c>
      <c r="H71" s="8">
        <v>9024</v>
      </c>
      <c r="I71" s="47" t="s">
        <v>223</v>
      </c>
      <c r="J71" s="11">
        <v>212024</v>
      </c>
    </row>
    <row r="72" spans="1:10" x14ac:dyDescent="0.25">
      <c r="A72" s="34" t="s">
        <v>234</v>
      </c>
      <c r="B72" s="211">
        <v>45670</v>
      </c>
      <c r="C72" s="19" t="s">
        <v>187</v>
      </c>
      <c r="D72" s="19" t="s">
        <v>188</v>
      </c>
      <c r="E72" s="67">
        <v>35954612</v>
      </c>
      <c r="F72" s="19" t="s">
        <v>235</v>
      </c>
      <c r="G72" s="8">
        <v>6560</v>
      </c>
      <c r="H72" s="8">
        <v>7872</v>
      </c>
      <c r="I72" s="47" t="s">
        <v>223</v>
      </c>
      <c r="J72" s="11">
        <v>212024</v>
      </c>
    </row>
    <row r="73" spans="1:10" x14ac:dyDescent="0.25">
      <c r="A73" s="34" t="s">
        <v>236</v>
      </c>
      <c r="B73" s="211">
        <v>45670</v>
      </c>
      <c r="C73" s="19" t="s">
        <v>187</v>
      </c>
      <c r="D73" s="19" t="s">
        <v>188</v>
      </c>
      <c r="E73" s="67">
        <v>35954612</v>
      </c>
      <c r="F73" s="19" t="s">
        <v>237</v>
      </c>
      <c r="G73" s="8">
        <v>10850</v>
      </c>
      <c r="H73" s="8">
        <v>13020</v>
      </c>
      <c r="I73" s="47" t="s">
        <v>223</v>
      </c>
      <c r="J73" s="11">
        <v>212024</v>
      </c>
    </row>
    <row r="74" spans="1:10" x14ac:dyDescent="0.25">
      <c r="A74" s="34" t="s">
        <v>238</v>
      </c>
      <c r="B74" s="211">
        <v>45670</v>
      </c>
      <c r="C74" s="19" t="s">
        <v>187</v>
      </c>
      <c r="D74" s="19" t="s">
        <v>188</v>
      </c>
      <c r="E74" s="67">
        <v>35954612</v>
      </c>
      <c r="F74" s="19" t="s">
        <v>239</v>
      </c>
      <c r="G74" s="8">
        <v>6510</v>
      </c>
      <c r="H74" s="8">
        <v>7812</v>
      </c>
      <c r="I74" s="47" t="s">
        <v>223</v>
      </c>
      <c r="J74" s="11">
        <v>212024</v>
      </c>
    </row>
    <row r="75" spans="1:10" x14ac:dyDescent="0.25">
      <c r="A75" s="34" t="s">
        <v>240</v>
      </c>
      <c r="B75" s="211">
        <v>45671</v>
      </c>
      <c r="C75" s="23" t="s">
        <v>241</v>
      </c>
      <c r="D75" s="27" t="s">
        <v>242</v>
      </c>
      <c r="E75" s="66">
        <v>36631124</v>
      </c>
      <c r="F75" s="19" t="s">
        <v>243</v>
      </c>
      <c r="G75" s="8">
        <v>46.18</v>
      </c>
      <c r="H75" s="8">
        <v>59.02</v>
      </c>
      <c r="I75" s="47" t="s">
        <v>244</v>
      </c>
      <c r="J75" s="11"/>
    </row>
    <row r="76" spans="1:10" x14ac:dyDescent="0.25">
      <c r="A76" s="34" t="s">
        <v>245</v>
      </c>
      <c r="B76" s="211">
        <v>45671</v>
      </c>
      <c r="C76" s="23" t="s">
        <v>241</v>
      </c>
      <c r="D76" s="27" t="s">
        <v>242</v>
      </c>
      <c r="E76" s="66">
        <v>36631124</v>
      </c>
      <c r="F76" s="19" t="s">
        <v>246</v>
      </c>
      <c r="G76" s="8">
        <v>355.2</v>
      </c>
      <c r="H76" s="8">
        <v>355.2</v>
      </c>
      <c r="I76" s="47" t="s">
        <v>244</v>
      </c>
      <c r="J76" s="11"/>
    </row>
    <row r="77" spans="1:10" x14ac:dyDescent="0.25">
      <c r="A77" s="34" t="s">
        <v>247</v>
      </c>
      <c r="B77" s="211">
        <v>45671</v>
      </c>
      <c r="C77" s="23" t="s">
        <v>241</v>
      </c>
      <c r="D77" s="27" t="s">
        <v>242</v>
      </c>
      <c r="E77" s="66">
        <v>36631124</v>
      </c>
      <c r="F77" s="19" t="s">
        <v>246</v>
      </c>
      <c r="G77" s="8">
        <v>212.7</v>
      </c>
      <c r="H77" s="8">
        <v>212.7</v>
      </c>
      <c r="I77" s="47" t="s">
        <v>244</v>
      </c>
      <c r="J77" s="11"/>
    </row>
    <row r="78" spans="1:10" x14ac:dyDescent="0.25">
      <c r="A78" s="34" t="s">
        <v>248</v>
      </c>
      <c r="B78" s="211">
        <v>45671</v>
      </c>
      <c r="C78" s="23" t="s">
        <v>241</v>
      </c>
      <c r="D78" s="27" t="s">
        <v>242</v>
      </c>
      <c r="E78" s="66">
        <v>36631124</v>
      </c>
      <c r="F78" s="19" t="s">
        <v>246</v>
      </c>
      <c r="G78" s="8">
        <v>502.3</v>
      </c>
      <c r="H78" s="8">
        <v>502.3</v>
      </c>
      <c r="I78" s="47" t="s">
        <v>244</v>
      </c>
      <c r="J78" s="11"/>
    </row>
    <row r="79" spans="1:10" x14ac:dyDescent="0.25">
      <c r="A79" s="34" t="s">
        <v>249</v>
      </c>
      <c r="B79" s="211">
        <v>45671</v>
      </c>
      <c r="C79" s="23" t="s">
        <v>241</v>
      </c>
      <c r="D79" s="27" t="s">
        <v>242</v>
      </c>
      <c r="E79" s="66">
        <v>36631124</v>
      </c>
      <c r="F79" s="19" t="s">
        <v>246</v>
      </c>
      <c r="G79" s="8">
        <v>184.3</v>
      </c>
      <c r="H79" s="8">
        <v>184.3</v>
      </c>
      <c r="I79" s="47" t="s">
        <v>244</v>
      </c>
      <c r="J79" s="11"/>
    </row>
    <row r="80" spans="1:10" x14ac:dyDescent="0.25">
      <c r="A80" s="34" t="s">
        <v>250</v>
      </c>
      <c r="B80" s="213">
        <v>45671</v>
      </c>
      <c r="C80" s="23" t="s">
        <v>241</v>
      </c>
      <c r="D80" s="27" t="s">
        <v>242</v>
      </c>
      <c r="E80" s="66">
        <v>36631124</v>
      </c>
      <c r="F80" s="19" t="s">
        <v>246</v>
      </c>
      <c r="G80" s="8">
        <v>302.10000000000002</v>
      </c>
      <c r="H80" s="8">
        <v>302.10000000000002</v>
      </c>
      <c r="I80" s="47" t="s">
        <v>244</v>
      </c>
      <c r="J80" s="11"/>
    </row>
    <row r="81" spans="1:10" x14ac:dyDescent="0.25">
      <c r="A81" s="164" t="s">
        <v>251</v>
      </c>
      <c r="B81" s="211">
        <v>45672</v>
      </c>
      <c r="C81" s="28" t="s">
        <v>241</v>
      </c>
      <c r="D81" s="27" t="s">
        <v>242</v>
      </c>
      <c r="E81" s="66">
        <v>36631124</v>
      </c>
      <c r="F81" s="19" t="s">
        <v>246</v>
      </c>
      <c r="G81" s="12">
        <v>732.7</v>
      </c>
      <c r="H81" s="12">
        <v>732.7</v>
      </c>
      <c r="I81" s="47" t="s">
        <v>244</v>
      </c>
      <c r="J81" s="11"/>
    </row>
    <row r="82" spans="1:10" x14ac:dyDescent="0.25">
      <c r="A82" s="164" t="s">
        <v>252</v>
      </c>
      <c r="B82" s="211">
        <v>45672</v>
      </c>
      <c r="C82" s="28" t="s">
        <v>241</v>
      </c>
      <c r="D82" s="27" t="s">
        <v>242</v>
      </c>
      <c r="E82" s="66">
        <v>36631124</v>
      </c>
      <c r="F82" s="19" t="s">
        <v>246</v>
      </c>
      <c r="G82" s="12">
        <v>406.4</v>
      </c>
      <c r="H82" s="12">
        <v>406.4</v>
      </c>
      <c r="I82" s="47" t="s">
        <v>244</v>
      </c>
      <c r="J82" s="11"/>
    </row>
    <row r="83" spans="1:10" x14ac:dyDescent="0.25">
      <c r="A83" s="165" t="s">
        <v>253</v>
      </c>
      <c r="B83" s="214">
        <v>45672</v>
      </c>
      <c r="C83" s="29" t="s">
        <v>241</v>
      </c>
      <c r="D83" s="32" t="s">
        <v>242</v>
      </c>
      <c r="E83" s="74">
        <v>36631124</v>
      </c>
      <c r="F83" s="30" t="s">
        <v>246</v>
      </c>
      <c r="G83" s="15">
        <v>1217.7</v>
      </c>
      <c r="H83" s="15">
        <v>1217.7</v>
      </c>
      <c r="I83" s="55" t="s">
        <v>244</v>
      </c>
      <c r="J83" s="11"/>
    </row>
    <row r="84" spans="1:10" x14ac:dyDescent="0.25">
      <c r="A84" s="34" t="s">
        <v>254</v>
      </c>
      <c r="B84" s="211">
        <v>45672</v>
      </c>
      <c r="C84" s="11" t="s">
        <v>11</v>
      </c>
      <c r="D84" s="11" t="s">
        <v>12</v>
      </c>
      <c r="E84" s="63">
        <v>36302716</v>
      </c>
      <c r="F84" s="11" t="s">
        <v>255</v>
      </c>
      <c r="G84" s="12">
        <v>36.799999999999997</v>
      </c>
      <c r="H84" s="12">
        <v>45.26</v>
      </c>
      <c r="I84" s="47"/>
      <c r="J84" s="11">
        <v>92025</v>
      </c>
    </row>
    <row r="85" spans="1:10" x14ac:dyDescent="0.25">
      <c r="A85" s="34" t="s">
        <v>256</v>
      </c>
      <c r="B85" s="213">
        <v>45672</v>
      </c>
      <c r="C85" s="14" t="s">
        <v>257</v>
      </c>
      <c r="D85" s="14" t="s">
        <v>258</v>
      </c>
      <c r="E85" s="75">
        <v>45960470</v>
      </c>
      <c r="F85" s="14" t="s">
        <v>259</v>
      </c>
      <c r="G85" s="75">
        <v>1248.78</v>
      </c>
      <c r="H85" s="8">
        <v>1536</v>
      </c>
      <c r="I85" s="133"/>
      <c r="J85" s="59">
        <v>12025</v>
      </c>
    </row>
    <row r="86" spans="1:10" x14ac:dyDescent="0.25">
      <c r="A86" s="164" t="s">
        <v>260</v>
      </c>
      <c r="B86" s="211">
        <v>45672</v>
      </c>
      <c r="C86" s="10" t="s">
        <v>257</v>
      </c>
      <c r="D86" s="10" t="s">
        <v>258</v>
      </c>
      <c r="E86" s="63">
        <v>45960470</v>
      </c>
      <c r="F86" s="10" t="s">
        <v>261</v>
      </c>
      <c r="G86" s="63">
        <v>1368.29</v>
      </c>
      <c r="H86" s="8">
        <v>1683</v>
      </c>
      <c r="I86" s="22"/>
      <c r="J86" s="11">
        <v>22025</v>
      </c>
    </row>
    <row r="87" spans="1:10" s="338" customFormat="1" x14ac:dyDescent="0.25">
      <c r="A87" s="339" t="s">
        <v>262</v>
      </c>
      <c r="B87" s="277">
        <v>45673</v>
      </c>
      <c r="C87" s="278" t="s">
        <v>127</v>
      </c>
      <c r="D87" s="278" t="s">
        <v>263</v>
      </c>
      <c r="E87" s="279">
        <v>36795135</v>
      </c>
      <c r="F87" s="278" t="s">
        <v>264</v>
      </c>
      <c r="G87" s="7">
        <v>6088</v>
      </c>
      <c r="H87" s="8">
        <v>7305.6</v>
      </c>
      <c r="I87" s="62" t="s">
        <v>130</v>
      </c>
      <c r="J87" s="337"/>
    </row>
    <row r="88" spans="1:10" x14ac:dyDescent="0.25">
      <c r="A88" s="34" t="s">
        <v>265</v>
      </c>
      <c r="B88" s="211">
        <v>45673</v>
      </c>
      <c r="C88" s="10" t="s">
        <v>171</v>
      </c>
      <c r="D88" s="10" t="s">
        <v>266</v>
      </c>
      <c r="E88" s="63">
        <v>52599515</v>
      </c>
      <c r="F88" s="10" t="s">
        <v>267</v>
      </c>
      <c r="G88" s="18">
        <v>1985.28</v>
      </c>
      <c r="H88" s="18">
        <v>2363.79</v>
      </c>
      <c r="I88" s="47" t="s">
        <v>173</v>
      </c>
      <c r="J88" s="11"/>
    </row>
    <row r="89" spans="1:10" x14ac:dyDescent="0.25">
      <c r="A89" s="34" t="s">
        <v>268</v>
      </c>
      <c r="B89" s="211">
        <v>45674</v>
      </c>
      <c r="C89" s="10" t="s">
        <v>269</v>
      </c>
      <c r="D89" s="10" t="s">
        <v>270</v>
      </c>
      <c r="E89" s="63">
        <v>36763527</v>
      </c>
      <c r="F89" s="10" t="s">
        <v>271</v>
      </c>
      <c r="G89" s="18">
        <v>2010</v>
      </c>
      <c r="H89" s="18">
        <v>2412</v>
      </c>
      <c r="I89" s="22"/>
      <c r="J89" s="11">
        <v>1022024</v>
      </c>
    </row>
    <row r="90" spans="1:10" x14ac:dyDescent="0.25">
      <c r="A90" s="34" t="s">
        <v>272</v>
      </c>
      <c r="B90" s="211">
        <v>45673</v>
      </c>
      <c r="C90" s="10" t="s">
        <v>139</v>
      </c>
      <c r="D90" s="10" t="s">
        <v>140</v>
      </c>
      <c r="E90" s="63">
        <v>2500053</v>
      </c>
      <c r="F90" s="10" t="s">
        <v>273</v>
      </c>
      <c r="G90" s="18">
        <v>1068.95</v>
      </c>
      <c r="H90" s="18">
        <v>1272.05</v>
      </c>
      <c r="I90" s="22" t="s">
        <v>142</v>
      </c>
      <c r="J90" s="11"/>
    </row>
    <row r="91" spans="1:10" x14ac:dyDescent="0.25">
      <c r="A91" s="34" t="s">
        <v>274</v>
      </c>
      <c r="B91" s="211">
        <v>45677</v>
      </c>
      <c r="C91" s="11" t="s">
        <v>122</v>
      </c>
      <c r="D91" s="6" t="s">
        <v>123</v>
      </c>
      <c r="E91" s="64">
        <v>46921931</v>
      </c>
      <c r="F91" s="11" t="s">
        <v>275</v>
      </c>
      <c r="G91" s="18">
        <v>23678.89</v>
      </c>
      <c r="H91" s="18">
        <v>25251.79</v>
      </c>
      <c r="I91" s="49" t="s">
        <v>125</v>
      </c>
      <c r="J91" s="6"/>
    </row>
    <row r="92" spans="1:10" x14ac:dyDescent="0.25">
      <c r="A92" s="34" t="s">
        <v>276</v>
      </c>
      <c r="B92" s="211">
        <v>45678</v>
      </c>
      <c r="C92" s="11" t="s">
        <v>277</v>
      </c>
      <c r="D92" s="11" t="s">
        <v>278</v>
      </c>
      <c r="E92" s="63">
        <v>36237337</v>
      </c>
      <c r="F92" s="13" t="s">
        <v>279</v>
      </c>
      <c r="G92" s="18">
        <v>297</v>
      </c>
      <c r="H92" s="18">
        <v>365.31</v>
      </c>
      <c r="I92" s="47" t="s">
        <v>280</v>
      </c>
      <c r="J92" s="11"/>
    </row>
    <row r="93" spans="1:10" x14ac:dyDescent="0.25">
      <c r="A93" s="34" t="s">
        <v>281</v>
      </c>
      <c r="B93" s="211">
        <v>45678</v>
      </c>
      <c r="C93" s="21" t="s">
        <v>139</v>
      </c>
      <c r="D93" s="22" t="s">
        <v>140</v>
      </c>
      <c r="E93" s="63">
        <v>47235713</v>
      </c>
      <c r="F93" s="11" t="s">
        <v>282</v>
      </c>
      <c r="G93" s="18">
        <v>20</v>
      </c>
      <c r="H93" s="18">
        <v>24.6</v>
      </c>
      <c r="I93" s="47"/>
      <c r="J93" s="11"/>
    </row>
    <row r="94" spans="1:10" x14ac:dyDescent="0.25">
      <c r="A94" s="34" t="s">
        <v>283</v>
      </c>
      <c r="B94" s="211">
        <v>45680</v>
      </c>
      <c r="C94" s="11" t="s">
        <v>284</v>
      </c>
      <c r="D94" s="11" t="s">
        <v>285</v>
      </c>
      <c r="E94" s="63">
        <v>31319823</v>
      </c>
      <c r="F94" s="11" t="s">
        <v>286</v>
      </c>
      <c r="G94" s="18">
        <v>61.12</v>
      </c>
      <c r="H94" s="18">
        <v>75.180000000000007</v>
      </c>
      <c r="I94" s="22"/>
      <c r="J94" s="11">
        <v>52025</v>
      </c>
    </row>
    <row r="95" spans="1:10" x14ac:dyDescent="0.25">
      <c r="A95" s="34" t="s">
        <v>287</v>
      </c>
      <c r="B95" s="211">
        <v>45680</v>
      </c>
      <c r="C95" s="11" t="s">
        <v>288</v>
      </c>
      <c r="D95" s="11" t="s">
        <v>289</v>
      </c>
      <c r="E95" s="63">
        <v>31369308</v>
      </c>
      <c r="F95" s="11" t="s">
        <v>290</v>
      </c>
      <c r="G95" s="18">
        <v>70</v>
      </c>
      <c r="H95" s="18">
        <v>86.1</v>
      </c>
      <c r="I95" s="57"/>
      <c r="J95" s="11">
        <v>82025</v>
      </c>
    </row>
    <row r="96" spans="1:10" x14ac:dyDescent="0.25">
      <c r="A96" s="34" t="s">
        <v>291</v>
      </c>
      <c r="B96" s="211">
        <v>45680</v>
      </c>
      <c r="C96" s="10" t="s">
        <v>292</v>
      </c>
      <c r="D96" s="10" t="s">
        <v>293</v>
      </c>
      <c r="E96" s="63">
        <v>65999371</v>
      </c>
      <c r="F96" s="10" t="s">
        <v>294</v>
      </c>
      <c r="G96" s="18" t="s">
        <v>295</v>
      </c>
      <c r="H96" s="18" t="s">
        <v>295</v>
      </c>
      <c r="I96" s="22"/>
      <c r="J96" s="11" t="s">
        <v>296</v>
      </c>
    </row>
    <row r="97" spans="1:10" x14ac:dyDescent="0.25">
      <c r="A97" s="34" t="s">
        <v>297</v>
      </c>
      <c r="B97" s="215">
        <v>45680</v>
      </c>
      <c r="C97" s="34" t="s">
        <v>298</v>
      </c>
      <c r="D97" s="34" t="s">
        <v>299</v>
      </c>
      <c r="E97" s="60">
        <v>17318645</v>
      </c>
      <c r="F97" s="34" t="s">
        <v>300</v>
      </c>
      <c r="G97" s="18">
        <v>4645</v>
      </c>
      <c r="H97" s="18">
        <v>5713.35</v>
      </c>
      <c r="I97" s="134"/>
      <c r="J97" s="17">
        <v>162025</v>
      </c>
    </row>
    <row r="98" spans="1:10" x14ac:dyDescent="0.25">
      <c r="A98" s="10" t="s">
        <v>301</v>
      </c>
      <c r="B98" s="211">
        <v>45681</v>
      </c>
      <c r="C98" s="6" t="s">
        <v>302</v>
      </c>
      <c r="D98" s="6" t="s">
        <v>303</v>
      </c>
      <c r="E98" s="64">
        <v>42156424</v>
      </c>
      <c r="F98" s="6" t="s">
        <v>304</v>
      </c>
      <c r="G98" s="18">
        <v>8892.4500000000007</v>
      </c>
      <c r="H98" s="18">
        <v>10670.94</v>
      </c>
      <c r="I98" s="49" t="s">
        <v>305</v>
      </c>
      <c r="J98" s="6"/>
    </row>
    <row r="99" spans="1:10" x14ac:dyDescent="0.25">
      <c r="A99" s="34" t="s">
        <v>306</v>
      </c>
      <c r="B99" s="211">
        <v>45684</v>
      </c>
      <c r="C99" s="11" t="s">
        <v>307</v>
      </c>
      <c r="D99" s="11" t="s">
        <v>308</v>
      </c>
      <c r="E99" s="63">
        <v>26805413</v>
      </c>
      <c r="F99" s="11" t="s">
        <v>309</v>
      </c>
      <c r="G99" s="18">
        <v>88.3</v>
      </c>
      <c r="H99" s="18">
        <v>88.3</v>
      </c>
      <c r="I99" s="47"/>
      <c r="J99" s="11">
        <v>102025</v>
      </c>
    </row>
    <row r="100" spans="1:10" x14ac:dyDescent="0.25">
      <c r="A100" s="10" t="s">
        <v>310</v>
      </c>
      <c r="B100" s="211">
        <v>45684</v>
      </c>
      <c r="C100" s="11" t="s">
        <v>155</v>
      </c>
      <c r="D100" s="11" t="s">
        <v>156</v>
      </c>
      <c r="E100" s="63">
        <v>36687936</v>
      </c>
      <c r="F100" s="11" t="s">
        <v>124</v>
      </c>
      <c r="G100" s="18">
        <v>51</v>
      </c>
      <c r="H100" s="18">
        <v>51</v>
      </c>
      <c r="I100" s="50" t="s">
        <v>158</v>
      </c>
      <c r="J100" s="42"/>
    </row>
    <row r="101" spans="1:10" x14ac:dyDescent="0.25">
      <c r="A101" s="10" t="s">
        <v>311</v>
      </c>
      <c r="B101" s="211">
        <v>45684</v>
      </c>
      <c r="C101" s="11" t="s">
        <v>155</v>
      </c>
      <c r="D101" s="11" t="s">
        <v>156</v>
      </c>
      <c r="E101" s="63">
        <v>36687936</v>
      </c>
      <c r="F101" s="11" t="s">
        <v>124</v>
      </c>
      <c r="G101" s="18">
        <v>131.58000000000001</v>
      </c>
      <c r="H101" s="18">
        <v>131.58000000000001</v>
      </c>
      <c r="I101" s="50" t="s">
        <v>158</v>
      </c>
      <c r="J101" s="42"/>
    </row>
    <row r="102" spans="1:10" x14ac:dyDescent="0.25">
      <c r="A102" s="10" t="s">
        <v>312</v>
      </c>
      <c r="B102" s="211">
        <v>45684</v>
      </c>
      <c r="C102" s="11" t="s">
        <v>155</v>
      </c>
      <c r="D102" s="11" t="s">
        <v>156</v>
      </c>
      <c r="E102" s="63">
        <v>36687936</v>
      </c>
      <c r="F102" s="11" t="s">
        <v>124</v>
      </c>
      <c r="G102" s="18">
        <v>83.33</v>
      </c>
      <c r="H102" s="18">
        <v>83.33</v>
      </c>
      <c r="I102" s="50" t="s">
        <v>158</v>
      </c>
      <c r="J102" s="42"/>
    </row>
    <row r="103" spans="1:10" x14ac:dyDescent="0.25">
      <c r="A103" s="34" t="s">
        <v>313</v>
      </c>
      <c r="B103" s="211">
        <v>45684</v>
      </c>
      <c r="C103" s="21" t="s">
        <v>139</v>
      </c>
      <c r="D103" s="22" t="s">
        <v>140</v>
      </c>
      <c r="E103" s="63">
        <v>47235713</v>
      </c>
      <c r="F103" s="11" t="s">
        <v>144</v>
      </c>
      <c r="G103" s="18">
        <v>47.6</v>
      </c>
      <c r="H103" s="18">
        <v>58.55</v>
      </c>
      <c r="I103" s="47" t="s">
        <v>142</v>
      </c>
      <c r="J103" s="11"/>
    </row>
    <row r="104" spans="1:10" x14ac:dyDescent="0.25">
      <c r="A104" s="34" t="s">
        <v>314</v>
      </c>
      <c r="B104" s="211">
        <v>45684</v>
      </c>
      <c r="C104" s="16" t="s">
        <v>139</v>
      </c>
      <c r="D104" s="16" t="s">
        <v>140</v>
      </c>
      <c r="E104" s="65">
        <v>47235713</v>
      </c>
      <c r="F104" s="16" t="s">
        <v>146</v>
      </c>
      <c r="G104" s="18">
        <v>710.26</v>
      </c>
      <c r="H104" s="18">
        <v>733.13</v>
      </c>
      <c r="I104" s="52" t="s">
        <v>142</v>
      </c>
      <c r="J104" s="16"/>
    </row>
    <row r="105" spans="1:10" x14ac:dyDescent="0.25">
      <c r="A105" s="34" t="s">
        <v>315</v>
      </c>
      <c r="B105" s="211">
        <v>45688</v>
      </c>
      <c r="C105" s="11" t="s">
        <v>316</v>
      </c>
      <c r="D105" s="11" t="s">
        <v>317</v>
      </c>
      <c r="E105" s="63">
        <v>31561357</v>
      </c>
      <c r="F105" s="11" t="s">
        <v>318</v>
      </c>
      <c r="G105" s="18">
        <v>560.5</v>
      </c>
      <c r="H105" s="18">
        <v>689.42</v>
      </c>
      <c r="I105" s="22"/>
      <c r="J105" s="11">
        <v>122025</v>
      </c>
    </row>
    <row r="106" spans="1:10" x14ac:dyDescent="0.25">
      <c r="A106" s="34" t="s">
        <v>319</v>
      </c>
      <c r="B106" s="211">
        <v>45691</v>
      </c>
      <c r="C106" s="11" t="s">
        <v>81</v>
      </c>
      <c r="D106" s="23" t="s">
        <v>82</v>
      </c>
      <c r="E106" s="66">
        <v>35697270</v>
      </c>
      <c r="F106" s="23" t="s">
        <v>320</v>
      </c>
      <c r="G106" s="18">
        <v>4.08</v>
      </c>
      <c r="H106" s="18">
        <v>5.0199999999999996</v>
      </c>
      <c r="I106" s="48" t="s">
        <v>84</v>
      </c>
      <c r="J106" s="23"/>
    </row>
    <row r="107" spans="1:10" x14ac:dyDescent="0.25">
      <c r="A107" s="34" t="s">
        <v>321</v>
      </c>
      <c r="B107" s="211">
        <v>45691</v>
      </c>
      <c r="C107" s="23" t="s">
        <v>68</v>
      </c>
      <c r="D107" s="23" t="s">
        <v>69</v>
      </c>
      <c r="E107" s="66">
        <v>51906988</v>
      </c>
      <c r="F107" s="23" t="s">
        <v>322</v>
      </c>
      <c r="G107" s="18">
        <v>882.08</v>
      </c>
      <c r="H107" s="18">
        <v>1084.96</v>
      </c>
      <c r="I107" s="48" t="s">
        <v>71</v>
      </c>
      <c r="J107" s="23"/>
    </row>
    <row r="108" spans="1:10" x14ac:dyDescent="0.25">
      <c r="A108" s="34" t="s">
        <v>323</v>
      </c>
      <c r="B108" s="211">
        <v>45692</v>
      </c>
      <c r="C108" s="23" t="s">
        <v>63</v>
      </c>
      <c r="D108" s="23" t="s">
        <v>64</v>
      </c>
      <c r="E108" s="66">
        <v>35872900</v>
      </c>
      <c r="F108" s="23" t="s">
        <v>324</v>
      </c>
      <c r="G108" s="18">
        <v>2725.51</v>
      </c>
      <c r="H108" s="18">
        <v>3352.38</v>
      </c>
      <c r="I108" s="48" t="s">
        <v>66</v>
      </c>
      <c r="J108" s="23">
        <v>202025</v>
      </c>
    </row>
    <row r="109" spans="1:10" x14ac:dyDescent="0.25">
      <c r="A109" s="34" t="s">
        <v>325</v>
      </c>
      <c r="B109" s="211">
        <v>45691</v>
      </c>
      <c r="C109" s="11" t="s">
        <v>105</v>
      </c>
      <c r="D109" s="23" t="s">
        <v>106</v>
      </c>
      <c r="E109" s="66">
        <v>31327681</v>
      </c>
      <c r="F109" s="23" t="s">
        <v>326</v>
      </c>
      <c r="G109" s="18">
        <v>6246.62</v>
      </c>
      <c r="H109" s="18">
        <v>7683.34</v>
      </c>
      <c r="I109" s="47" t="s">
        <v>108</v>
      </c>
      <c r="J109" s="11">
        <v>142025</v>
      </c>
    </row>
    <row r="110" spans="1:10" x14ac:dyDescent="0.25">
      <c r="A110" s="34" t="s">
        <v>327</v>
      </c>
      <c r="B110" s="211">
        <v>45691</v>
      </c>
      <c r="C110" s="23" t="s">
        <v>44</v>
      </c>
      <c r="D110" s="23" t="s">
        <v>45</v>
      </c>
      <c r="E110" s="66">
        <v>35731851</v>
      </c>
      <c r="F110" s="23" t="s">
        <v>328</v>
      </c>
      <c r="G110" s="18">
        <v>350</v>
      </c>
      <c r="H110" s="18">
        <v>430.5</v>
      </c>
      <c r="I110" s="48" t="s">
        <v>47</v>
      </c>
      <c r="J110" s="23">
        <v>1792024</v>
      </c>
    </row>
    <row r="111" spans="1:10" x14ac:dyDescent="0.25">
      <c r="A111" s="10" t="s">
        <v>329</v>
      </c>
      <c r="B111" s="211">
        <v>45691</v>
      </c>
      <c r="C111" s="23" t="s">
        <v>44</v>
      </c>
      <c r="D111" s="23" t="s">
        <v>45</v>
      </c>
      <c r="E111" s="66">
        <v>35731851</v>
      </c>
      <c r="F111" s="11" t="s">
        <v>124</v>
      </c>
      <c r="G111" s="18">
        <v>350</v>
      </c>
      <c r="H111" s="18">
        <v>430.5</v>
      </c>
      <c r="I111" s="48" t="s">
        <v>47</v>
      </c>
      <c r="J111" s="23">
        <v>1792024</v>
      </c>
    </row>
    <row r="112" spans="1:10" x14ac:dyDescent="0.25">
      <c r="A112" s="34" t="s">
        <v>330</v>
      </c>
      <c r="B112" s="211">
        <v>45691</v>
      </c>
      <c r="C112" s="23" t="s">
        <v>44</v>
      </c>
      <c r="D112" s="23" t="s">
        <v>45</v>
      </c>
      <c r="E112" s="66">
        <v>35731851</v>
      </c>
      <c r="F112" s="23" t="s">
        <v>331</v>
      </c>
      <c r="G112" s="18">
        <v>350</v>
      </c>
      <c r="H112" s="18">
        <v>430.5</v>
      </c>
      <c r="I112" s="48" t="s">
        <v>47</v>
      </c>
      <c r="J112" s="23">
        <v>1792024</v>
      </c>
    </row>
    <row r="113" spans="1:10" x14ac:dyDescent="0.25">
      <c r="A113" s="34" t="s">
        <v>332</v>
      </c>
      <c r="B113" s="211">
        <v>45691</v>
      </c>
      <c r="C113" s="23" t="s">
        <v>44</v>
      </c>
      <c r="D113" s="23" t="s">
        <v>45</v>
      </c>
      <c r="E113" s="66">
        <v>35731851</v>
      </c>
      <c r="F113" s="23" t="s">
        <v>333</v>
      </c>
      <c r="G113" s="18">
        <v>350</v>
      </c>
      <c r="H113" s="18">
        <v>430.5</v>
      </c>
      <c r="I113" s="48" t="s">
        <v>47</v>
      </c>
      <c r="J113" s="23">
        <v>1792024</v>
      </c>
    </row>
    <row r="114" spans="1:10" x14ac:dyDescent="0.25">
      <c r="A114" s="34" t="s">
        <v>334</v>
      </c>
      <c r="B114" s="211">
        <v>45691</v>
      </c>
      <c r="C114" s="23" t="s">
        <v>44</v>
      </c>
      <c r="D114" s="23" t="s">
        <v>45</v>
      </c>
      <c r="E114" s="66">
        <v>35731851</v>
      </c>
      <c r="F114" s="23" t="s">
        <v>335</v>
      </c>
      <c r="G114" s="18">
        <v>350</v>
      </c>
      <c r="H114" s="18">
        <v>430.5</v>
      </c>
      <c r="I114" s="48" t="s">
        <v>47</v>
      </c>
      <c r="J114" s="23">
        <v>1792024</v>
      </c>
    </row>
    <row r="115" spans="1:10" x14ac:dyDescent="0.25">
      <c r="A115" s="34" t="s">
        <v>336</v>
      </c>
      <c r="B115" s="211">
        <v>45691</v>
      </c>
      <c r="C115" s="23" t="s">
        <v>44</v>
      </c>
      <c r="D115" s="23" t="s">
        <v>45</v>
      </c>
      <c r="E115" s="66">
        <v>35731851</v>
      </c>
      <c r="F115" s="23" t="s">
        <v>337</v>
      </c>
      <c r="G115" s="18">
        <v>350</v>
      </c>
      <c r="H115" s="18">
        <v>430.5</v>
      </c>
      <c r="I115" s="48" t="s">
        <v>47</v>
      </c>
      <c r="J115" s="23">
        <v>1792024</v>
      </c>
    </row>
    <row r="116" spans="1:10" x14ac:dyDescent="0.25">
      <c r="A116" s="34" t="s">
        <v>338</v>
      </c>
      <c r="B116" s="211">
        <v>45691</v>
      </c>
      <c r="C116" s="23" t="s">
        <v>44</v>
      </c>
      <c r="D116" s="23" t="s">
        <v>45</v>
      </c>
      <c r="E116" s="66">
        <v>35731851</v>
      </c>
      <c r="F116" s="23" t="s">
        <v>339</v>
      </c>
      <c r="G116" s="18">
        <v>350</v>
      </c>
      <c r="H116" s="18">
        <v>430.5</v>
      </c>
      <c r="I116" s="48" t="s">
        <v>47</v>
      </c>
      <c r="J116" s="23">
        <v>1792024</v>
      </c>
    </row>
    <row r="117" spans="1:10" x14ac:dyDescent="0.25">
      <c r="A117" s="34" t="s">
        <v>340</v>
      </c>
      <c r="B117" s="211">
        <v>45691</v>
      </c>
      <c r="C117" s="23" t="s">
        <v>44</v>
      </c>
      <c r="D117" s="23" t="s">
        <v>45</v>
      </c>
      <c r="E117" s="66">
        <v>35731851</v>
      </c>
      <c r="F117" s="23" t="s">
        <v>341</v>
      </c>
      <c r="G117" s="18">
        <v>350</v>
      </c>
      <c r="H117" s="18">
        <v>430.5</v>
      </c>
      <c r="I117" s="48" t="s">
        <v>47</v>
      </c>
      <c r="J117" s="23">
        <v>1792024</v>
      </c>
    </row>
    <row r="118" spans="1:10" x14ac:dyDescent="0.25">
      <c r="A118" s="34" t="s">
        <v>342</v>
      </c>
      <c r="B118" s="211">
        <v>45692</v>
      </c>
      <c r="C118" s="23" t="s">
        <v>139</v>
      </c>
      <c r="D118" s="23" t="s">
        <v>140</v>
      </c>
      <c r="E118" s="66">
        <v>47235713</v>
      </c>
      <c r="F118" s="23" t="s">
        <v>343</v>
      </c>
      <c r="G118" s="18">
        <v>5791.05</v>
      </c>
      <c r="H118" s="18">
        <v>7122.99</v>
      </c>
      <c r="I118" s="48" t="s">
        <v>142</v>
      </c>
      <c r="J118" s="23"/>
    </row>
    <row r="119" spans="1:10" x14ac:dyDescent="0.25">
      <c r="A119" s="34" t="s">
        <v>344</v>
      </c>
      <c r="B119" s="211">
        <v>45692</v>
      </c>
      <c r="C119" s="21" t="s">
        <v>139</v>
      </c>
      <c r="D119" s="22" t="s">
        <v>140</v>
      </c>
      <c r="E119" s="63">
        <v>47235713</v>
      </c>
      <c r="F119" s="11" t="s">
        <v>345</v>
      </c>
      <c r="G119" s="18">
        <v>1747.6</v>
      </c>
      <c r="H119" s="18">
        <v>2149.5500000000002</v>
      </c>
      <c r="I119" s="47" t="s">
        <v>142</v>
      </c>
      <c r="J119" s="36"/>
    </row>
    <row r="120" spans="1:10" x14ac:dyDescent="0.25">
      <c r="A120" s="34" t="s">
        <v>346</v>
      </c>
      <c r="B120" s="211">
        <v>45692</v>
      </c>
      <c r="C120" s="23" t="s">
        <v>139</v>
      </c>
      <c r="D120" s="23" t="s">
        <v>140</v>
      </c>
      <c r="E120" s="66">
        <v>47235713</v>
      </c>
      <c r="F120" s="23" t="s">
        <v>347</v>
      </c>
      <c r="G120" s="18">
        <v>22628.57</v>
      </c>
      <c r="H120" s="18">
        <v>27188.81</v>
      </c>
      <c r="I120" s="48" t="s">
        <v>142</v>
      </c>
      <c r="J120" s="23"/>
    </row>
    <row r="121" spans="1:10" x14ac:dyDescent="0.25">
      <c r="A121" s="34" t="s">
        <v>348</v>
      </c>
      <c r="B121" s="211">
        <v>45691</v>
      </c>
      <c r="C121" s="6" t="s">
        <v>164</v>
      </c>
      <c r="D121" s="6" t="s">
        <v>165</v>
      </c>
      <c r="E121" s="70">
        <v>43799485</v>
      </c>
      <c r="F121" s="6" t="s">
        <v>349</v>
      </c>
      <c r="G121" s="18">
        <v>3000</v>
      </c>
      <c r="H121" s="18">
        <v>3670</v>
      </c>
      <c r="I121" s="49" t="s">
        <v>167</v>
      </c>
      <c r="J121" s="6"/>
    </row>
    <row r="122" spans="1:10" x14ac:dyDescent="0.25">
      <c r="A122" s="34" t="s">
        <v>350</v>
      </c>
      <c r="B122" s="211">
        <v>45691</v>
      </c>
      <c r="C122" s="6" t="s">
        <v>164</v>
      </c>
      <c r="D122" s="6" t="s">
        <v>165</v>
      </c>
      <c r="E122" s="64">
        <v>43799485</v>
      </c>
      <c r="F122" s="6" t="s">
        <v>351</v>
      </c>
      <c r="G122" s="18">
        <v>17868.330000000002</v>
      </c>
      <c r="H122" s="18">
        <v>18006.330000000002</v>
      </c>
      <c r="I122" s="49" t="s">
        <v>167</v>
      </c>
      <c r="J122" s="6"/>
    </row>
    <row r="123" spans="1:10" x14ac:dyDescent="0.25">
      <c r="A123" s="166" t="s">
        <v>352</v>
      </c>
      <c r="B123" s="211">
        <v>45691</v>
      </c>
      <c r="C123" s="23" t="s">
        <v>127</v>
      </c>
      <c r="D123" s="23" t="s">
        <v>128</v>
      </c>
      <c r="E123" s="66">
        <v>36795135</v>
      </c>
      <c r="F123" s="23" t="s">
        <v>353</v>
      </c>
      <c r="G123" s="18">
        <v>6617.76</v>
      </c>
      <c r="H123" s="18">
        <v>6652.26</v>
      </c>
      <c r="I123" s="48" t="s">
        <v>130</v>
      </c>
      <c r="J123" s="23"/>
    </row>
    <row r="124" spans="1:10" x14ac:dyDescent="0.25">
      <c r="A124" s="34" t="s">
        <v>354</v>
      </c>
      <c r="B124" s="211">
        <v>45691</v>
      </c>
      <c r="C124" s="19" t="s">
        <v>127</v>
      </c>
      <c r="D124" s="23" t="s">
        <v>128</v>
      </c>
      <c r="E124" s="66">
        <v>36795135</v>
      </c>
      <c r="F124" s="23" t="s">
        <v>355</v>
      </c>
      <c r="G124" s="18">
        <v>2142.4</v>
      </c>
      <c r="H124" s="18">
        <v>2619.73</v>
      </c>
      <c r="I124" s="48" t="s">
        <v>130</v>
      </c>
      <c r="J124" s="23"/>
    </row>
    <row r="125" spans="1:10" x14ac:dyDescent="0.25">
      <c r="A125" s="34" t="s">
        <v>356</v>
      </c>
      <c r="B125" s="211">
        <v>45691</v>
      </c>
      <c r="C125" s="6" t="s">
        <v>357</v>
      </c>
      <c r="D125" s="6" t="s">
        <v>358</v>
      </c>
      <c r="E125" s="64">
        <v>36250481</v>
      </c>
      <c r="F125" s="23" t="s">
        <v>359</v>
      </c>
      <c r="G125" s="18">
        <v>33447.5</v>
      </c>
      <c r="H125" s="18">
        <v>40137</v>
      </c>
      <c r="I125" s="49" t="s">
        <v>360</v>
      </c>
      <c r="J125" s="23" t="s">
        <v>361</v>
      </c>
    </row>
    <row r="126" spans="1:10" x14ac:dyDescent="0.25">
      <c r="A126" s="166" t="s">
        <v>362</v>
      </c>
      <c r="B126" s="211">
        <v>45692</v>
      </c>
      <c r="C126" s="17" t="s">
        <v>95</v>
      </c>
      <c r="D126" s="17" t="s">
        <v>96</v>
      </c>
      <c r="E126" s="60">
        <v>31322832</v>
      </c>
      <c r="F126" s="17" t="s">
        <v>363</v>
      </c>
      <c r="G126" s="18">
        <v>3448.51</v>
      </c>
      <c r="H126" s="18">
        <v>4241.68</v>
      </c>
      <c r="I126" s="50" t="s">
        <v>98</v>
      </c>
      <c r="J126" s="11"/>
    </row>
    <row r="127" spans="1:10" x14ac:dyDescent="0.25">
      <c r="A127" s="34" t="s">
        <v>364</v>
      </c>
      <c r="B127" s="211">
        <v>45691</v>
      </c>
      <c r="C127" s="11" t="s">
        <v>148</v>
      </c>
      <c r="D127" s="23" t="s">
        <v>365</v>
      </c>
      <c r="E127" s="66">
        <v>53227514</v>
      </c>
      <c r="F127" s="23" t="s">
        <v>366</v>
      </c>
      <c r="G127" s="18">
        <v>15394</v>
      </c>
      <c r="H127" s="18">
        <v>16624</v>
      </c>
      <c r="I127" s="48" t="s">
        <v>151</v>
      </c>
      <c r="J127" s="23"/>
    </row>
    <row r="128" spans="1:10" x14ac:dyDescent="0.25">
      <c r="A128" s="34" t="s">
        <v>367</v>
      </c>
      <c r="B128" s="211">
        <v>45691</v>
      </c>
      <c r="C128" s="11" t="s">
        <v>148</v>
      </c>
      <c r="D128" s="23" t="s">
        <v>365</v>
      </c>
      <c r="E128" s="66">
        <v>53227514</v>
      </c>
      <c r="F128" s="23" t="s">
        <v>153</v>
      </c>
      <c r="G128" s="18">
        <v>2500</v>
      </c>
      <c r="H128" s="18">
        <v>3075</v>
      </c>
      <c r="I128" s="48" t="s">
        <v>151</v>
      </c>
      <c r="J128" s="23"/>
    </row>
    <row r="129" spans="1:10" x14ac:dyDescent="0.25">
      <c r="A129" s="166" t="s">
        <v>368</v>
      </c>
      <c r="B129" s="211">
        <v>45693</v>
      </c>
      <c r="C129" s="17" t="s">
        <v>134</v>
      </c>
      <c r="D129" s="17" t="s">
        <v>369</v>
      </c>
      <c r="E129" s="60">
        <v>35889063</v>
      </c>
      <c r="F129" s="17" t="s">
        <v>370</v>
      </c>
      <c r="G129" s="18">
        <v>100</v>
      </c>
      <c r="H129" s="18">
        <v>100</v>
      </c>
      <c r="I129" s="50" t="s">
        <v>137</v>
      </c>
      <c r="J129" s="17"/>
    </row>
    <row r="130" spans="1:10" x14ac:dyDescent="0.25">
      <c r="A130" s="34" t="s">
        <v>371</v>
      </c>
      <c r="B130" s="211">
        <v>45693</v>
      </c>
      <c r="C130" s="23" t="s">
        <v>117</v>
      </c>
      <c r="D130" s="23" t="s">
        <v>118</v>
      </c>
      <c r="E130" s="66">
        <v>46380434</v>
      </c>
      <c r="F130" s="23" t="s">
        <v>372</v>
      </c>
      <c r="G130" s="18">
        <v>1045</v>
      </c>
      <c r="H130" s="18">
        <v>1285.3499999999999</v>
      </c>
      <c r="I130" s="48" t="s">
        <v>120</v>
      </c>
      <c r="J130" s="23"/>
    </row>
    <row r="131" spans="1:10" x14ac:dyDescent="0.25">
      <c r="A131" s="34" t="s">
        <v>373</v>
      </c>
      <c r="B131" s="211">
        <v>45693</v>
      </c>
      <c r="C131" s="6" t="s">
        <v>88</v>
      </c>
      <c r="D131" s="6" t="s">
        <v>89</v>
      </c>
      <c r="E131" s="70">
        <v>35745274</v>
      </c>
      <c r="F131" s="6" t="s">
        <v>374</v>
      </c>
      <c r="G131" s="18">
        <v>618</v>
      </c>
      <c r="H131" s="18">
        <v>760.14</v>
      </c>
      <c r="I131" s="49" t="s">
        <v>91</v>
      </c>
      <c r="J131" s="6"/>
    </row>
    <row r="132" spans="1:10" x14ac:dyDescent="0.25">
      <c r="A132" s="166" t="s">
        <v>375</v>
      </c>
      <c r="B132" s="211">
        <v>45694</v>
      </c>
      <c r="C132" s="11" t="s">
        <v>277</v>
      </c>
      <c r="D132" s="11" t="s">
        <v>278</v>
      </c>
      <c r="E132" s="63">
        <v>36237337</v>
      </c>
      <c r="F132" s="13" t="s">
        <v>376</v>
      </c>
      <c r="G132" s="18">
        <v>70</v>
      </c>
      <c r="H132" s="18">
        <v>86.1</v>
      </c>
      <c r="I132" s="47" t="s">
        <v>377</v>
      </c>
      <c r="J132" s="11"/>
    </row>
    <row r="133" spans="1:10" x14ac:dyDescent="0.25">
      <c r="A133" s="34" t="s">
        <v>378</v>
      </c>
      <c r="B133" s="211">
        <v>45694</v>
      </c>
      <c r="C133" s="11" t="s">
        <v>379</v>
      </c>
      <c r="D133" s="21" t="s">
        <v>380</v>
      </c>
      <c r="E133" s="63">
        <v>33768897</v>
      </c>
      <c r="F133" s="22" t="s">
        <v>381</v>
      </c>
      <c r="G133" s="18">
        <v>71.2</v>
      </c>
      <c r="H133" s="18">
        <v>87.58</v>
      </c>
      <c r="I133" s="47" t="s">
        <v>382</v>
      </c>
      <c r="J133" s="11">
        <v>112025</v>
      </c>
    </row>
    <row r="134" spans="1:10" x14ac:dyDescent="0.25">
      <c r="A134" s="34" t="s">
        <v>383</v>
      </c>
      <c r="B134" s="211">
        <v>45694</v>
      </c>
      <c r="C134" s="38" t="s">
        <v>379</v>
      </c>
      <c r="D134" s="38" t="s">
        <v>380</v>
      </c>
      <c r="E134" s="63">
        <v>33768897</v>
      </c>
      <c r="F134" s="11" t="s">
        <v>384</v>
      </c>
      <c r="G134" s="18">
        <v>82.26</v>
      </c>
      <c r="H134" s="18">
        <v>101.18</v>
      </c>
      <c r="I134" s="47" t="s">
        <v>382</v>
      </c>
      <c r="J134" s="11">
        <v>112025</v>
      </c>
    </row>
    <row r="135" spans="1:10" x14ac:dyDescent="0.25">
      <c r="A135" s="166" t="s">
        <v>385</v>
      </c>
      <c r="B135" s="211">
        <v>45694</v>
      </c>
      <c r="C135" s="11" t="s">
        <v>357</v>
      </c>
      <c r="D135" s="6" t="s">
        <v>358</v>
      </c>
      <c r="E135" s="64">
        <v>36250481</v>
      </c>
      <c r="F135" s="11" t="s">
        <v>386</v>
      </c>
      <c r="G135" s="18">
        <v>3500</v>
      </c>
      <c r="H135" s="18">
        <v>4305</v>
      </c>
      <c r="I135" s="47" t="s">
        <v>387</v>
      </c>
      <c r="J135" s="11"/>
    </row>
    <row r="136" spans="1:10" x14ac:dyDescent="0.25">
      <c r="A136" s="34" t="s">
        <v>388</v>
      </c>
      <c r="B136" s="211">
        <v>45695</v>
      </c>
      <c r="C136" s="11" t="s">
        <v>389</v>
      </c>
      <c r="D136" s="11" t="s">
        <v>390</v>
      </c>
      <c r="E136" s="63">
        <v>35900831</v>
      </c>
      <c r="F136" s="11" t="s">
        <v>391</v>
      </c>
      <c r="G136" s="18">
        <v>87.8</v>
      </c>
      <c r="H136" s="18">
        <v>108</v>
      </c>
      <c r="I136" s="47"/>
      <c r="J136" s="11">
        <v>312025</v>
      </c>
    </row>
    <row r="137" spans="1:10" x14ac:dyDescent="0.25">
      <c r="A137" s="10" t="s">
        <v>392</v>
      </c>
      <c r="B137" s="211">
        <v>45694</v>
      </c>
      <c r="C137" s="11" t="s">
        <v>182</v>
      </c>
      <c r="D137" s="11" t="s">
        <v>183</v>
      </c>
      <c r="E137" s="63">
        <v>48059528</v>
      </c>
      <c r="F137" s="11" t="s">
        <v>124</v>
      </c>
      <c r="G137" s="18">
        <v>3040</v>
      </c>
      <c r="H137" s="18">
        <v>3192</v>
      </c>
      <c r="I137" s="47" t="s">
        <v>185</v>
      </c>
      <c r="J137" s="11"/>
    </row>
    <row r="138" spans="1:10" x14ac:dyDescent="0.25">
      <c r="A138" s="166" t="s">
        <v>393</v>
      </c>
      <c r="B138" s="211">
        <v>45695</v>
      </c>
      <c r="C138" s="6" t="s">
        <v>155</v>
      </c>
      <c r="D138" s="6" t="s">
        <v>156</v>
      </c>
      <c r="E138" s="64">
        <v>36687938</v>
      </c>
      <c r="F138" s="6" t="s">
        <v>394</v>
      </c>
      <c r="G138" s="18">
        <v>314.27</v>
      </c>
      <c r="H138" s="18">
        <v>377.12</v>
      </c>
      <c r="I138" s="49" t="s">
        <v>158</v>
      </c>
      <c r="J138" s="6"/>
    </row>
    <row r="139" spans="1:10" x14ac:dyDescent="0.25">
      <c r="A139" s="34" t="s">
        <v>395</v>
      </c>
      <c r="B139" s="211">
        <v>45695</v>
      </c>
      <c r="C139" s="6" t="s">
        <v>155</v>
      </c>
      <c r="D139" s="6" t="s">
        <v>156</v>
      </c>
      <c r="E139" s="64">
        <v>36687938</v>
      </c>
      <c r="F139" s="6" t="s">
        <v>396</v>
      </c>
      <c r="G139" s="18">
        <v>57.46</v>
      </c>
      <c r="H139" s="18">
        <v>68.95</v>
      </c>
      <c r="I139" s="49" t="s">
        <v>158</v>
      </c>
      <c r="J139" s="6"/>
    </row>
    <row r="140" spans="1:10" x14ac:dyDescent="0.25">
      <c r="A140" s="34" t="s">
        <v>397</v>
      </c>
      <c r="B140" s="211">
        <v>45695</v>
      </c>
      <c r="C140" s="11" t="s">
        <v>155</v>
      </c>
      <c r="D140" s="11" t="s">
        <v>156</v>
      </c>
      <c r="E140" s="63">
        <v>36687936</v>
      </c>
      <c r="F140" s="11" t="s">
        <v>398</v>
      </c>
      <c r="G140" s="18">
        <v>19323.099999999999</v>
      </c>
      <c r="H140" s="18">
        <v>19714.099999999999</v>
      </c>
      <c r="I140" s="47" t="s">
        <v>158</v>
      </c>
      <c r="J140" s="11"/>
    </row>
    <row r="141" spans="1:10" x14ac:dyDescent="0.25">
      <c r="A141" s="166" t="s">
        <v>399</v>
      </c>
      <c r="B141" s="211">
        <v>45695</v>
      </c>
      <c r="C141" s="11" t="s">
        <v>155</v>
      </c>
      <c r="D141" s="11" t="s">
        <v>156</v>
      </c>
      <c r="E141" s="63">
        <v>36687936</v>
      </c>
      <c r="F141" s="11" t="s">
        <v>400</v>
      </c>
      <c r="G141" s="18">
        <v>4386</v>
      </c>
      <c r="H141" s="18">
        <v>5394.78</v>
      </c>
      <c r="I141" s="47" t="s">
        <v>158</v>
      </c>
      <c r="J141" s="11"/>
    </row>
    <row r="142" spans="1:10" x14ac:dyDescent="0.25">
      <c r="A142" s="34" t="s">
        <v>401</v>
      </c>
      <c r="B142" s="211">
        <v>45695</v>
      </c>
      <c r="C142" s="11" t="s">
        <v>155</v>
      </c>
      <c r="D142" s="11" t="s">
        <v>156</v>
      </c>
      <c r="E142" s="63">
        <v>36687936</v>
      </c>
      <c r="F142" s="11" t="s">
        <v>402</v>
      </c>
      <c r="G142" s="18">
        <v>2777.8</v>
      </c>
      <c r="H142" s="18">
        <v>3416.69</v>
      </c>
      <c r="I142" s="47" t="s">
        <v>158</v>
      </c>
      <c r="J142" s="11"/>
    </row>
    <row r="143" spans="1:10" x14ac:dyDescent="0.25">
      <c r="A143" s="34" t="s">
        <v>403</v>
      </c>
      <c r="B143" s="211">
        <v>45692</v>
      </c>
      <c r="C143" s="23" t="s">
        <v>73</v>
      </c>
      <c r="D143" s="26" t="s">
        <v>74</v>
      </c>
      <c r="E143" s="72">
        <v>35763469</v>
      </c>
      <c r="F143" s="26" t="s">
        <v>404</v>
      </c>
      <c r="G143" s="18">
        <v>6253.47</v>
      </c>
      <c r="H143" s="18">
        <v>7690.62</v>
      </c>
      <c r="I143" s="49" t="s">
        <v>76</v>
      </c>
      <c r="J143" s="23"/>
    </row>
    <row r="144" spans="1:10" x14ac:dyDescent="0.25">
      <c r="A144" s="43" t="s">
        <v>405</v>
      </c>
      <c r="B144" s="211">
        <v>45698</v>
      </c>
      <c r="C144" s="11" t="s">
        <v>177</v>
      </c>
      <c r="D144" s="11" t="s">
        <v>178</v>
      </c>
      <c r="E144" s="63">
        <v>53528654</v>
      </c>
      <c r="F144" s="11" t="s">
        <v>124</v>
      </c>
      <c r="G144" s="18">
        <v>3704.63</v>
      </c>
      <c r="H144" s="18">
        <v>3704.63</v>
      </c>
      <c r="I144" s="53" t="s">
        <v>180</v>
      </c>
      <c r="J144" s="11">
        <v>402025</v>
      </c>
    </row>
    <row r="145" spans="1:10" x14ac:dyDescent="0.25">
      <c r="A145" s="34" t="s">
        <v>406</v>
      </c>
      <c r="B145" s="211">
        <v>45698</v>
      </c>
      <c r="C145" s="6" t="s">
        <v>357</v>
      </c>
      <c r="D145" s="6" t="s">
        <v>358</v>
      </c>
      <c r="E145" s="64">
        <v>36250481</v>
      </c>
      <c r="F145" s="23" t="s">
        <v>359</v>
      </c>
      <c r="G145" s="18">
        <v>33447.5</v>
      </c>
      <c r="H145" s="18">
        <v>41140.43</v>
      </c>
      <c r="I145" s="49" t="s">
        <v>360</v>
      </c>
      <c r="J145" s="11">
        <v>4032024</v>
      </c>
    </row>
    <row r="146" spans="1:10" x14ac:dyDescent="0.25">
      <c r="A146" s="34" t="s">
        <v>407</v>
      </c>
      <c r="B146" s="211">
        <v>45695</v>
      </c>
      <c r="C146" s="11" t="s">
        <v>408</v>
      </c>
      <c r="D146" s="11" t="s">
        <v>409</v>
      </c>
      <c r="E146" s="76">
        <v>31268650</v>
      </c>
      <c r="F146" s="11" t="s">
        <v>410</v>
      </c>
      <c r="G146" s="18">
        <v>9970</v>
      </c>
      <c r="H146" s="18">
        <v>9970</v>
      </c>
      <c r="I146" s="47"/>
      <c r="J146" s="11" t="s">
        <v>411</v>
      </c>
    </row>
    <row r="147" spans="1:10" x14ac:dyDescent="0.25">
      <c r="A147" s="43" t="s">
        <v>412</v>
      </c>
      <c r="B147" s="211">
        <v>45699</v>
      </c>
      <c r="C147" s="19" t="s">
        <v>187</v>
      </c>
      <c r="D147" s="19" t="s">
        <v>188</v>
      </c>
      <c r="E147" s="67">
        <v>35954612</v>
      </c>
      <c r="F147" s="11" t="s">
        <v>124</v>
      </c>
      <c r="G147" s="18">
        <v>1252.3599999999999</v>
      </c>
      <c r="H147" s="18">
        <v>1540.4</v>
      </c>
      <c r="I147" s="47" t="s">
        <v>190</v>
      </c>
      <c r="J147" s="6">
        <v>3952024</v>
      </c>
    </row>
    <row r="148" spans="1:10" x14ac:dyDescent="0.25">
      <c r="A148" s="10" t="s">
        <v>413</v>
      </c>
      <c r="B148" s="211">
        <v>45699</v>
      </c>
      <c r="C148" s="19" t="s">
        <v>187</v>
      </c>
      <c r="D148" s="19" t="s">
        <v>188</v>
      </c>
      <c r="E148" s="67">
        <v>35954612</v>
      </c>
      <c r="F148" s="11" t="s">
        <v>124</v>
      </c>
      <c r="G148" s="18">
        <v>1241.6099999999999</v>
      </c>
      <c r="H148" s="18">
        <v>1527.18</v>
      </c>
      <c r="I148" s="47" t="s">
        <v>190</v>
      </c>
      <c r="J148" s="6">
        <v>3952024</v>
      </c>
    </row>
    <row r="149" spans="1:10" x14ac:dyDescent="0.25">
      <c r="A149" s="10" t="s">
        <v>414</v>
      </c>
      <c r="B149" s="211">
        <v>45699</v>
      </c>
      <c r="C149" s="19" t="s">
        <v>187</v>
      </c>
      <c r="D149" s="19" t="s">
        <v>188</v>
      </c>
      <c r="E149" s="67">
        <v>35954612</v>
      </c>
      <c r="F149" s="11" t="s">
        <v>124</v>
      </c>
      <c r="G149" s="18">
        <v>1267.17</v>
      </c>
      <c r="H149" s="18">
        <v>1558.62</v>
      </c>
      <c r="I149" s="54" t="s">
        <v>190</v>
      </c>
      <c r="J149" s="23">
        <v>3952024</v>
      </c>
    </row>
    <row r="150" spans="1:10" x14ac:dyDescent="0.25">
      <c r="A150" s="43" t="s">
        <v>415</v>
      </c>
      <c r="B150" s="211">
        <v>45699</v>
      </c>
      <c r="C150" s="19" t="s">
        <v>187</v>
      </c>
      <c r="D150" s="19" t="s">
        <v>188</v>
      </c>
      <c r="E150" s="67">
        <v>35954612</v>
      </c>
      <c r="F150" s="11" t="s">
        <v>124</v>
      </c>
      <c r="G150" s="18">
        <v>1254.79</v>
      </c>
      <c r="H150" s="18">
        <v>1543.39</v>
      </c>
      <c r="I150" s="47" t="s">
        <v>190</v>
      </c>
      <c r="J150" s="6">
        <v>3952024</v>
      </c>
    </row>
    <row r="151" spans="1:10" x14ac:dyDescent="0.25">
      <c r="A151" s="10" t="s">
        <v>416</v>
      </c>
      <c r="B151" s="211">
        <v>45699</v>
      </c>
      <c r="C151" s="19" t="s">
        <v>187</v>
      </c>
      <c r="D151" s="19" t="s">
        <v>188</v>
      </c>
      <c r="E151" s="67">
        <v>35954612</v>
      </c>
      <c r="F151" s="11" t="s">
        <v>124</v>
      </c>
      <c r="G151" s="18">
        <v>1232.0899999999999</v>
      </c>
      <c r="H151" s="18">
        <v>1515.47</v>
      </c>
      <c r="I151" s="47" t="s">
        <v>190</v>
      </c>
      <c r="J151" s="6">
        <v>3952024</v>
      </c>
    </row>
    <row r="152" spans="1:10" x14ac:dyDescent="0.25">
      <c r="A152" s="10" t="s">
        <v>417</v>
      </c>
      <c r="B152" s="211">
        <v>45699</v>
      </c>
      <c r="C152" s="19" t="s">
        <v>187</v>
      </c>
      <c r="D152" s="19" t="s">
        <v>188</v>
      </c>
      <c r="E152" s="67">
        <v>35954612</v>
      </c>
      <c r="F152" s="11" t="s">
        <v>124</v>
      </c>
      <c r="G152" s="18">
        <v>1241.49</v>
      </c>
      <c r="H152" s="18">
        <v>1527.03</v>
      </c>
      <c r="I152" s="47" t="s">
        <v>190</v>
      </c>
      <c r="J152" s="6">
        <v>3952024</v>
      </c>
    </row>
    <row r="153" spans="1:10" x14ac:dyDescent="0.25">
      <c r="A153" s="43" t="s">
        <v>418</v>
      </c>
      <c r="B153" s="211">
        <v>45699</v>
      </c>
      <c r="C153" s="19" t="s">
        <v>187</v>
      </c>
      <c r="D153" s="19" t="s">
        <v>188</v>
      </c>
      <c r="E153" s="67">
        <v>35954612</v>
      </c>
      <c r="F153" s="11" t="s">
        <v>124</v>
      </c>
      <c r="G153" s="18">
        <v>1284.4100000000001</v>
      </c>
      <c r="H153" s="18">
        <v>1579.82</v>
      </c>
      <c r="I153" s="47" t="s">
        <v>190</v>
      </c>
      <c r="J153" s="6">
        <v>3952024</v>
      </c>
    </row>
    <row r="154" spans="1:10" x14ac:dyDescent="0.25">
      <c r="A154" s="10" t="s">
        <v>419</v>
      </c>
      <c r="B154" s="211">
        <v>45699</v>
      </c>
      <c r="C154" s="19" t="s">
        <v>187</v>
      </c>
      <c r="D154" s="19" t="s">
        <v>188</v>
      </c>
      <c r="E154" s="67">
        <v>35954612</v>
      </c>
      <c r="F154" s="11" t="s">
        <v>124</v>
      </c>
      <c r="G154" s="18">
        <v>7495.53</v>
      </c>
      <c r="H154" s="18">
        <v>9219.5</v>
      </c>
      <c r="I154" s="49" t="s">
        <v>190</v>
      </c>
      <c r="J154" s="6">
        <v>3952024</v>
      </c>
    </row>
    <row r="155" spans="1:10" x14ac:dyDescent="0.25">
      <c r="A155" s="10" t="s">
        <v>420</v>
      </c>
      <c r="B155" s="211">
        <v>45699</v>
      </c>
      <c r="C155" s="19" t="s">
        <v>187</v>
      </c>
      <c r="D155" s="19" t="s">
        <v>188</v>
      </c>
      <c r="E155" s="67">
        <v>35954612</v>
      </c>
      <c r="F155" s="11" t="s">
        <v>124</v>
      </c>
      <c r="G155" s="18">
        <v>7520</v>
      </c>
      <c r="H155" s="18">
        <v>9249.6</v>
      </c>
      <c r="I155" s="47" t="s">
        <v>223</v>
      </c>
      <c r="J155" s="11">
        <v>3912024</v>
      </c>
    </row>
    <row r="156" spans="1:10" x14ac:dyDescent="0.25">
      <c r="A156" s="43" t="s">
        <v>421</v>
      </c>
      <c r="B156" s="211">
        <v>45699</v>
      </c>
      <c r="C156" s="19" t="s">
        <v>187</v>
      </c>
      <c r="D156" s="19" t="s">
        <v>188</v>
      </c>
      <c r="E156" s="67">
        <v>35954612</v>
      </c>
      <c r="F156" s="11" t="s">
        <v>124</v>
      </c>
      <c r="G156" s="18">
        <v>6560</v>
      </c>
      <c r="H156" s="18">
        <v>8068.8</v>
      </c>
      <c r="I156" s="47" t="s">
        <v>223</v>
      </c>
      <c r="J156" s="11">
        <v>3912024</v>
      </c>
    </row>
    <row r="157" spans="1:10" x14ac:dyDescent="0.25">
      <c r="A157" s="10" t="s">
        <v>422</v>
      </c>
      <c r="B157" s="211">
        <v>45699</v>
      </c>
      <c r="C157" s="19" t="s">
        <v>187</v>
      </c>
      <c r="D157" s="19" t="s">
        <v>188</v>
      </c>
      <c r="E157" s="67">
        <v>35954612</v>
      </c>
      <c r="F157" s="11" t="s">
        <v>124</v>
      </c>
      <c r="G157" s="18">
        <v>6510</v>
      </c>
      <c r="H157" s="18">
        <v>8007.3</v>
      </c>
      <c r="I157" s="47" t="s">
        <v>223</v>
      </c>
      <c r="J157" s="11">
        <v>3912024</v>
      </c>
    </row>
    <row r="158" spans="1:10" x14ac:dyDescent="0.25">
      <c r="A158" s="10" t="s">
        <v>423</v>
      </c>
      <c r="B158" s="211">
        <v>45699</v>
      </c>
      <c r="C158" s="19" t="s">
        <v>187</v>
      </c>
      <c r="D158" s="19" t="s">
        <v>188</v>
      </c>
      <c r="E158" s="67">
        <v>35954612</v>
      </c>
      <c r="F158" s="11" t="s">
        <v>124</v>
      </c>
      <c r="G158" s="18">
        <v>6550</v>
      </c>
      <c r="H158" s="18">
        <v>8056.5</v>
      </c>
      <c r="I158" s="47" t="s">
        <v>223</v>
      </c>
      <c r="J158" s="11">
        <v>3912024</v>
      </c>
    </row>
    <row r="159" spans="1:10" x14ac:dyDescent="0.25">
      <c r="A159" s="43" t="s">
        <v>424</v>
      </c>
      <c r="B159" s="211">
        <v>45699</v>
      </c>
      <c r="C159" s="19" t="s">
        <v>187</v>
      </c>
      <c r="D159" s="19" t="s">
        <v>188</v>
      </c>
      <c r="E159" s="67">
        <v>35954612</v>
      </c>
      <c r="F159" s="11" t="s">
        <v>124</v>
      </c>
      <c r="G159" s="18">
        <v>6970</v>
      </c>
      <c r="H159" s="18">
        <v>8573.1</v>
      </c>
      <c r="I159" s="47" t="s">
        <v>223</v>
      </c>
      <c r="J159" s="11">
        <v>3912024</v>
      </c>
    </row>
    <row r="160" spans="1:10" x14ac:dyDescent="0.25">
      <c r="A160" s="10" t="s">
        <v>425</v>
      </c>
      <c r="B160" s="211">
        <v>45699</v>
      </c>
      <c r="C160" s="19" t="s">
        <v>187</v>
      </c>
      <c r="D160" s="19" t="s">
        <v>188</v>
      </c>
      <c r="E160" s="67">
        <v>35954612</v>
      </c>
      <c r="F160" s="11" t="s">
        <v>124</v>
      </c>
      <c r="G160" s="18">
        <v>5170</v>
      </c>
      <c r="H160" s="18">
        <v>6359.1</v>
      </c>
      <c r="I160" s="47" t="s">
        <v>223</v>
      </c>
      <c r="J160" s="11">
        <v>3912024</v>
      </c>
    </row>
    <row r="161" spans="1:10" x14ac:dyDescent="0.25">
      <c r="A161" s="10" t="s">
        <v>426</v>
      </c>
      <c r="B161" s="211">
        <v>45699</v>
      </c>
      <c r="C161" s="19" t="s">
        <v>187</v>
      </c>
      <c r="D161" s="19" t="s">
        <v>188</v>
      </c>
      <c r="E161" s="67">
        <v>35954612</v>
      </c>
      <c r="F161" s="11" t="s">
        <v>124</v>
      </c>
      <c r="G161" s="18">
        <v>6160</v>
      </c>
      <c r="H161" s="18">
        <v>7576.8</v>
      </c>
      <c r="I161" s="47" t="s">
        <v>223</v>
      </c>
      <c r="J161" s="11">
        <v>3912024</v>
      </c>
    </row>
    <row r="162" spans="1:10" x14ac:dyDescent="0.25">
      <c r="A162" s="10" t="s">
        <v>427</v>
      </c>
      <c r="B162" s="211">
        <v>45699</v>
      </c>
      <c r="C162" s="19" t="s">
        <v>187</v>
      </c>
      <c r="D162" s="19" t="s">
        <v>188</v>
      </c>
      <c r="E162" s="67">
        <v>35954612</v>
      </c>
      <c r="F162" s="11" t="s">
        <v>124</v>
      </c>
      <c r="G162" s="18">
        <v>28540</v>
      </c>
      <c r="H162" s="18">
        <v>35104.199999999997</v>
      </c>
      <c r="I162" s="47" t="s">
        <v>223</v>
      </c>
      <c r="J162" s="11">
        <v>3912024</v>
      </c>
    </row>
    <row r="163" spans="1:10" x14ac:dyDescent="0.25">
      <c r="A163" s="10" t="s">
        <v>428</v>
      </c>
      <c r="B163" s="211">
        <v>45699</v>
      </c>
      <c r="C163" s="19" t="s">
        <v>187</v>
      </c>
      <c r="D163" s="19" t="s">
        <v>188</v>
      </c>
      <c r="E163" s="67">
        <v>35954612</v>
      </c>
      <c r="F163" s="11" t="s">
        <v>124</v>
      </c>
      <c r="G163" s="18">
        <v>10850</v>
      </c>
      <c r="H163" s="18">
        <v>13345.5</v>
      </c>
      <c r="I163" s="47" t="s">
        <v>223</v>
      </c>
      <c r="J163" s="11">
        <v>3912024</v>
      </c>
    </row>
    <row r="164" spans="1:10" x14ac:dyDescent="0.25">
      <c r="A164" s="43" t="s">
        <v>429</v>
      </c>
      <c r="B164" s="211">
        <v>45699</v>
      </c>
      <c r="C164" s="23" t="s">
        <v>241</v>
      </c>
      <c r="D164" s="27" t="s">
        <v>242</v>
      </c>
      <c r="E164" s="66">
        <v>36631124</v>
      </c>
      <c r="F164" s="11" t="s">
        <v>124</v>
      </c>
      <c r="G164" s="18">
        <v>40.01</v>
      </c>
      <c r="H164" s="18">
        <v>49.21</v>
      </c>
      <c r="I164" s="47" t="s">
        <v>244</v>
      </c>
      <c r="J164" s="11"/>
    </row>
    <row r="165" spans="1:10" x14ac:dyDescent="0.25">
      <c r="A165" s="34" t="s">
        <v>430</v>
      </c>
      <c r="B165" s="211">
        <v>45699</v>
      </c>
      <c r="C165" s="11" t="s">
        <v>431</v>
      </c>
      <c r="D165" s="6" t="s">
        <v>432</v>
      </c>
      <c r="E165" s="64">
        <v>47139200</v>
      </c>
      <c r="F165" s="11" t="s">
        <v>433</v>
      </c>
      <c r="G165" s="18">
        <v>95.12</v>
      </c>
      <c r="H165" s="18">
        <v>117</v>
      </c>
      <c r="I165" s="47"/>
      <c r="J165" s="11">
        <v>282025</v>
      </c>
    </row>
    <row r="166" spans="1:10" x14ac:dyDescent="0.25">
      <c r="A166" s="34" t="s">
        <v>434</v>
      </c>
      <c r="B166" s="211">
        <v>45699</v>
      </c>
      <c r="C166" s="11" t="s">
        <v>277</v>
      </c>
      <c r="D166" s="11" t="s">
        <v>278</v>
      </c>
      <c r="E166" s="63">
        <v>36237337</v>
      </c>
      <c r="F166" s="13" t="s">
        <v>376</v>
      </c>
      <c r="G166" s="18">
        <v>70</v>
      </c>
      <c r="H166" s="18">
        <v>86.1</v>
      </c>
      <c r="I166" s="47" t="s">
        <v>435</v>
      </c>
      <c r="J166" s="11"/>
    </row>
    <row r="167" spans="1:10" x14ac:dyDescent="0.25">
      <c r="A167" s="34" t="s">
        <v>436</v>
      </c>
      <c r="B167" s="211">
        <v>45699</v>
      </c>
      <c r="C167" s="11" t="s">
        <v>288</v>
      </c>
      <c r="D167" s="11" t="s">
        <v>289</v>
      </c>
      <c r="E167" s="63">
        <v>31369308</v>
      </c>
      <c r="F167" s="11" t="s">
        <v>437</v>
      </c>
      <c r="G167" s="18">
        <v>200</v>
      </c>
      <c r="H167" s="18">
        <v>246</v>
      </c>
      <c r="I167" s="57"/>
      <c r="J167" s="11">
        <v>392025</v>
      </c>
    </row>
    <row r="168" spans="1:10" x14ac:dyDescent="0.25">
      <c r="A168" s="34" t="s">
        <v>438</v>
      </c>
      <c r="B168" s="211">
        <v>45699</v>
      </c>
      <c r="C168" s="23" t="s">
        <v>241</v>
      </c>
      <c r="D168" s="27" t="s">
        <v>242</v>
      </c>
      <c r="E168" s="66">
        <v>36631124</v>
      </c>
      <c r="F168" s="19" t="s">
        <v>439</v>
      </c>
      <c r="G168" s="18">
        <v>449.65</v>
      </c>
      <c r="H168" s="18">
        <v>449.65</v>
      </c>
      <c r="I168" s="47" t="s">
        <v>244</v>
      </c>
      <c r="J168" s="11"/>
    </row>
    <row r="169" spans="1:10" x14ac:dyDescent="0.25">
      <c r="A169" s="166" t="s">
        <v>440</v>
      </c>
      <c r="B169" s="211">
        <v>45699</v>
      </c>
      <c r="C169" s="23" t="s">
        <v>241</v>
      </c>
      <c r="D169" s="27" t="s">
        <v>242</v>
      </c>
      <c r="E169" s="66">
        <v>36631124</v>
      </c>
      <c r="F169" s="19" t="s">
        <v>439</v>
      </c>
      <c r="G169" s="18">
        <v>172.2</v>
      </c>
      <c r="H169" s="18">
        <v>172.2</v>
      </c>
      <c r="I169" s="47" t="s">
        <v>244</v>
      </c>
      <c r="J169" s="11"/>
    </row>
    <row r="170" spans="1:10" x14ac:dyDescent="0.25">
      <c r="A170" s="34" t="s">
        <v>441</v>
      </c>
      <c r="B170" s="211">
        <v>45699</v>
      </c>
      <c r="C170" s="23" t="s">
        <v>241</v>
      </c>
      <c r="D170" s="27" t="s">
        <v>242</v>
      </c>
      <c r="E170" s="66">
        <v>36631124</v>
      </c>
      <c r="F170" s="19" t="s">
        <v>439</v>
      </c>
      <c r="G170" s="18">
        <v>322.39999999999998</v>
      </c>
      <c r="H170" s="18">
        <v>322.39999999999998</v>
      </c>
      <c r="I170" s="47" t="s">
        <v>244</v>
      </c>
      <c r="J170" s="11"/>
    </row>
    <row r="171" spans="1:10" x14ac:dyDescent="0.25">
      <c r="A171" s="34" t="s">
        <v>442</v>
      </c>
      <c r="B171" s="211">
        <v>45699</v>
      </c>
      <c r="C171" s="23" t="s">
        <v>241</v>
      </c>
      <c r="D171" s="27" t="s">
        <v>242</v>
      </c>
      <c r="E171" s="66">
        <v>36631124</v>
      </c>
      <c r="F171" s="19" t="s">
        <v>439</v>
      </c>
      <c r="G171" s="18">
        <v>1977.35</v>
      </c>
      <c r="H171" s="18">
        <v>1977.35</v>
      </c>
      <c r="I171" s="47" t="s">
        <v>244</v>
      </c>
      <c r="J171" s="11"/>
    </row>
    <row r="172" spans="1:10" x14ac:dyDescent="0.25">
      <c r="A172" s="34" t="s">
        <v>443</v>
      </c>
      <c r="B172" s="211">
        <v>45699</v>
      </c>
      <c r="C172" s="23" t="s">
        <v>241</v>
      </c>
      <c r="D172" s="27" t="s">
        <v>242</v>
      </c>
      <c r="E172" s="66">
        <v>36631124</v>
      </c>
      <c r="F172" s="19" t="s">
        <v>439</v>
      </c>
      <c r="G172" s="18">
        <v>775.3</v>
      </c>
      <c r="H172" s="18">
        <v>775.3</v>
      </c>
      <c r="I172" s="47" t="s">
        <v>244</v>
      </c>
      <c r="J172" s="11"/>
    </row>
    <row r="173" spans="1:10" x14ac:dyDescent="0.25">
      <c r="A173" s="34" t="s">
        <v>444</v>
      </c>
      <c r="B173" s="211">
        <v>45699</v>
      </c>
      <c r="C173" s="28" t="s">
        <v>241</v>
      </c>
      <c r="D173" s="27" t="s">
        <v>242</v>
      </c>
      <c r="E173" s="66">
        <v>36631124</v>
      </c>
      <c r="F173" s="19" t="s">
        <v>439</v>
      </c>
      <c r="G173" s="18">
        <v>538.1</v>
      </c>
      <c r="H173" s="18">
        <v>538.1</v>
      </c>
      <c r="I173" s="47" t="s">
        <v>244</v>
      </c>
      <c r="J173" s="11"/>
    </row>
    <row r="174" spans="1:10" x14ac:dyDescent="0.25">
      <c r="A174" s="166" t="s">
        <v>445</v>
      </c>
      <c r="B174" s="211">
        <v>45700</v>
      </c>
      <c r="C174" s="19" t="s">
        <v>187</v>
      </c>
      <c r="D174" s="19" t="s">
        <v>188</v>
      </c>
      <c r="E174" s="67">
        <v>35954612</v>
      </c>
      <c r="F174" s="19" t="s">
        <v>446</v>
      </c>
      <c r="G174" s="18">
        <v>4990</v>
      </c>
      <c r="H174" s="18">
        <v>6137.7</v>
      </c>
      <c r="I174" s="47" t="s">
        <v>223</v>
      </c>
      <c r="J174" s="6">
        <v>3912024</v>
      </c>
    </row>
    <row r="175" spans="1:10" x14ac:dyDescent="0.25">
      <c r="A175" s="34" t="s">
        <v>447</v>
      </c>
      <c r="B175" s="211">
        <v>45700</v>
      </c>
      <c r="C175" s="19" t="s">
        <v>187</v>
      </c>
      <c r="D175" s="19" t="s">
        <v>188</v>
      </c>
      <c r="E175" s="67">
        <v>35954612</v>
      </c>
      <c r="F175" s="19" t="s">
        <v>448</v>
      </c>
      <c r="G175" s="18">
        <v>315</v>
      </c>
      <c r="H175" s="18">
        <v>387.45</v>
      </c>
      <c r="I175" s="47" t="s">
        <v>223</v>
      </c>
      <c r="J175" s="6">
        <v>3912024</v>
      </c>
    </row>
    <row r="176" spans="1:10" x14ac:dyDescent="0.25">
      <c r="A176" s="34" t="s">
        <v>449</v>
      </c>
      <c r="B176" s="211">
        <v>45701</v>
      </c>
      <c r="C176" s="17" t="s">
        <v>450</v>
      </c>
      <c r="D176" s="11" t="s">
        <v>451</v>
      </c>
      <c r="E176" s="63">
        <v>32627211</v>
      </c>
      <c r="F176" s="17" t="s">
        <v>452</v>
      </c>
      <c r="G176" s="45">
        <v>2611.52</v>
      </c>
      <c r="H176" s="45">
        <v>3212.17</v>
      </c>
      <c r="I176" s="13" t="s">
        <v>453</v>
      </c>
      <c r="J176" s="11">
        <v>242025</v>
      </c>
    </row>
    <row r="177" spans="1:10" x14ac:dyDescent="0.25">
      <c r="A177" s="34" t="s">
        <v>454</v>
      </c>
      <c r="B177" s="211">
        <v>45701</v>
      </c>
      <c r="C177" s="11" t="s">
        <v>455</v>
      </c>
      <c r="D177" s="6" t="s">
        <v>456</v>
      </c>
      <c r="E177" s="64">
        <v>31609058</v>
      </c>
      <c r="F177" s="6" t="s">
        <v>457</v>
      </c>
      <c r="G177" s="18">
        <v>105.8</v>
      </c>
      <c r="H177" s="18">
        <v>129.88999999999999</v>
      </c>
      <c r="I177" s="49" t="s">
        <v>458</v>
      </c>
      <c r="J177" s="11"/>
    </row>
    <row r="178" spans="1:10" x14ac:dyDescent="0.25">
      <c r="A178" s="34" t="s">
        <v>459</v>
      </c>
      <c r="B178" s="211">
        <v>45701</v>
      </c>
      <c r="C178" s="23" t="s">
        <v>241</v>
      </c>
      <c r="D178" s="27" t="s">
        <v>242</v>
      </c>
      <c r="E178" s="66">
        <v>36631124</v>
      </c>
      <c r="F178" s="19" t="s">
        <v>439</v>
      </c>
      <c r="G178" s="18">
        <v>344.6</v>
      </c>
      <c r="H178" s="18">
        <v>344.6</v>
      </c>
      <c r="I178" s="47" t="s">
        <v>244</v>
      </c>
      <c r="J178" s="11"/>
    </row>
    <row r="179" spans="1:10" x14ac:dyDescent="0.25">
      <c r="A179" s="166" t="s">
        <v>460</v>
      </c>
      <c r="B179" s="211">
        <v>45701</v>
      </c>
      <c r="C179" s="23" t="s">
        <v>241</v>
      </c>
      <c r="D179" s="27" t="s">
        <v>242</v>
      </c>
      <c r="E179" s="66">
        <v>36631124</v>
      </c>
      <c r="F179" s="19" t="s">
        <v>439</v>
      </c>
      <c r="G179" s="18">
        <v>238.8</v>
      </c>
      <c r="H179" s="18">
        <v>238.8</v>
      </c>
      <c r="I179" s="47" t="s">
        <v>244</v>
      </c>
      <c r="J179" s="11"/>
    </row>
    <row r="180" spans="1:10" x14ac:dyDescent="0.25">
      <c r="A180" s="34" t="s">
        <v>461</v>
      </c>
      <c r="B180" s="211">
        <v>45702</v>
      </c>
      <c r="C180" s="11" t="s">
        <v>134</v>
      </c>
      <c r="D180" s="23" t="s">
        <v>135</v>
      </c>
      <c r="E180" s="73">
        <v>35889063</v>
      </c>
      <c r="F180" s="23" t="s">
        <v>462</v>
      </c>
      <c r="G180" s="18">
        <v>16.23</v>
      </c>
      <c r="H180" s="18">
        <v>19.309999999999999</v>
      </c>
      <c r="I180" s="47" t="s">
        <v>137</v>
      </c>
      <c r="J180" s="11"/>
    </row>
    <row r="181" spans="1:10" x14ac:dyDescent="0.25">
      <c r="A181" s="34" t="s">
        <v>463</v>
      </c>
      <c r="B181" s="211">
        <v>45702</v>
      </c>
      <c r="C181" s="23" t="s">
        <v>241</v>
      </c>
      <c r="D181" s="27" t="s">
        <v>242</v>
      </c>
      <c r="E181" s="66">
        <v>36631124</v>
      </c>
      <c r="F181" s="19" t="s">
        <v>464</v>
      </c>
      <c r="G181" s="18">
        <v>4.7</v>
      </c>
      <c r="H181" s="18">
        <v>4.7</v>
      </c>
      <c r="I181" s="47" t="s">
        <v>244</v>
      </c>
      <c r="J181" s="11"/>
    </row>
    <row r="182" spans="1:10" x14ac:dyDescent="0.25">
      <c r="A182" s="34" t="s">
        <v>465</v>
      </c>
      <c r="B182" s="211">
        <v>45702</v>
      </c>
      <c r="C182" s="10" t="s">
        <v>466</v>
      </c>
      <c r="D182" s="10" t="s">
        <v>467</v>
      </c>
      <c r="E182" s="63">
        <v>35843136</v>
      </c>
      <c r="F182" s="10" t="s">
        <v>468</v>
      </c>
      <c r="G182" s="18">
        <v>180.98</v>
      </c>
      <c r="H182" s="18">
        <v>222.6</v>
      </c>
      <c r="J182" s="11">
        <v>422025</v>
      </c>
    </row>
    <row r="183" spans="1:10" x14ac:dyDescent="0.25">
      <c r="A183" s="34" t="s">
        <v>469</v>
      </c>
      <c r="B183" s="211">
        <v>45705</v>
      </c>
      <c r="C183" s="11" t="s">
        <v>15</v>
      </c>
      <c r="D183" s="16" t="s">
        <v>16</v>
      </c>
      <c r="E183" s="65">
        <v>35722533</v>
      </c>
      <c r="F183" s="16" t="s">
        <v>470</v>
      </c>
      <c r="G183" s="18">
        <v>3526</v>
      </c>
      <c r="H183" s="18">
        <v>4326.9799999999996</v>
      </c>
      <c r="I183" s="47" t="s">
        <v>18</v>
      </c>
      <c r="J183" s="6"/>
    </row>
    <row r="184" spans="1:10" x14ac:dyDescent="0.25">
      <c r="A184" s="166" t="s">
        <v>471</v>
      </c>
      <c r="B184" s="211">
        <v>45705</v>
      </c>
      <c r="C184" s="11" t="s">
        <v>472</v>
      </c>
      <c r="D184" s="11" t="s">
        <v>473</v>
      </c>
      <c r="E184" s="63">
        <v>31567282</v>
      </c>
      <c r="F184" s="19" t="s">
        <v>474</v>
      </c>
      <c r="G184" s="18">
        <v>660</v>
      </c>
      <c r="H184" s="18">
        <v>811.8</v>
      </c>
      <c r="I184" s="47" t="s">
        <v>475</v>
      </c>
      <c r="J184" s="11">
        <v>3772024</v>
      </c>
    </row>
    <row r="185" spans="1:10" x14ac:dyDescent="0.25">
      <c r="A185" s="34" t="s">
        <v>476</v>
      </c>
      <c r="B185" s="211">
        <v>45705</v>
      </c>
      <c r="C185" s="11" t="s">
        <v>472</v>
      </c>
      <c r="D185" s="11" t="s">
        <v>473</v>
      </c>
      <c r="E185" s="63">
        <v>31567282</v>
      </c>
      <c r="F185" s="19" t="s">
        <v>477</v>
      </c>
      <c r="G185" s="18">
        <v>21250</v>
      </c>
      <c r="H185" s="18">
        <v>26137.5</v>
      </c>
      <c r="I185" s="47" t="s">
        <v>475</v>
      </c>
      <c r="J185" s="11">
        <v>3532024</v>
      </c>
    </row>
    <row r="186" spans="1:10" x14ac:dyDescent="0.25">
      <c r="A186" s="34" t="s">
        <v>478</v>
      </c>
      <c r="B186" s="211">
        <v>45706</v>
      </c>
      <c r="C186" s="10" t="s">
        <v>139</v>
      </c>
      <c r="D186" s="10" t="s">
        <v>140</v>
      </c>
      <c r="E186" s="63">
        <v>2500053</v>
      </c>
      <c r="F186" s="10" t="s">
        <v>479</v>
      </c>
      <c r="G186" s="18">
        <v>1700.81</v>
      </c>
      <c r="H186" s="18">
        <v>2023.96</v>
      </c>
      <c r="I186" s="22" t="s">
        <v>142</v>
      </c>
      <c r="J186" s="11"/>
    </row>
    <row r="187" spans="1:10" x14ac:dyDescent="0.25">
      <c r="A187" s="34" t="s">
        <v>480</v>
      </c>
      <c r="B187" s="211">
        <v>45699</v>
      </c>
      <c r="C187" s="11" t="s">
        <v>481</v>
      </c>
      <c r="D187" s="11" t="s">
        <v>482</v>
      </c>
      <c r="E187" s="63">
        <v>31348262</v>
      </c>
      <c r="F187" s="11" t="s">
        <v>483</v>
      </c>
      <c r="G187" s="18">
        <v>224.58</v>
      </c>
      <c r="H187" s="18">
        <v>276.23</v>
      </c>
      <c r="I187" s="47"/>
      <c r="J187" s="11">
        <v>382025</v>
      </c>
    </row>
    <row r="188" spans="1:10" x14ac:dyDescent="0.25">
      <c r="A188" s="166" t="s">
        <v>484</v>
      </c>
      <c r="B188" s="211">
        <v>45708</v>
      </c>
      <c r="C188" s="10" t="s">
        <v>171</v>
      </c>
      <c r="D188" s="10" t="s">
        <v>266</v>
      </c>
      <c r="E188" s="63">
        <v>52599515</v>
      </c>
      <c r="F188" s="10" t="s">
        <v>485</v>
      </c>
      <c r="G188" s="18">
        <v>1758.81</v>
      </c>
      <c r="H188" s="18">
        <v>2094.62</v>
      </c>
      <c r="I188" s="47" t="s">
        <v>173</v>
      </c>
      <c r="J188" s="11"/>
    </row>
    <row r="189" spans="1:10" x14ac:dyDescent="0.25">
      <c r="A189" s="34" t="s">
        <v>486</v>
      </c>
      <c r="B189" s="211">
        <v>45712</v>
      </c>
      <c r="C189" s="11" t="s">
        <v>122</v>
      </c>
      <c r="D189" s="6" t="s">
        <v>123</v>
      </c>
      <c r="E189" s="64">
        <v>46921931</v>
      </c>
      <c r="F189" s="11" t="s">
        <v>487</v>
      </c>
      <c r="G189" s="18">
        <v>23678.89</v>
      </c>
      <c r="H189" s="18">
        <v>25251.79</v>
      </c>
      <c r="I189" s="49" t="s">
        <v>125</v>
      </c>
      <c r="J189" s="11"/>
    </row>
    <row r="190" spans="1:10" x14ac:dyDescent="0.25">
      <c r="A190" s="34" t="s">
        <v>488</v>
      </c>
      <c r="B190" s="211">
        <v>45712</v>
      </c>
      <c r="C190" s="11" t="s">
        <v>431</v>
      </c>
      <c r="D190" s="6" t="s">
        <v>489</v>
      </c>
      <c r="E190" s="64">
        <v>47139200</v>
      </c>
      <c r="F190" s="11" t="s">
        <v>490</v>
      </c>
      <c r="G190" s="18">
        <v>100</v>
      </c>
      <c r="H190" s="18">
        <v>123</v>
      </c>
      <c r="I190" s="47"/>
      <c r="J190" s="11">
        <v>462025</v>
      </c>
    </row>
    <row r="191" spans="1:10" x14ac:dyDescent="0.25">
      <c r="A191" s="34" t="s">
        <v>491</v>
      </c>
      <c r="B191" s="211">
        <v>45712</v>
      </c>
      <c r="C191" s="16" t="s">
        <v>450</v>
      </c>
      <c r="D191" s="6" t="s">
        <v>451</v>
      </c>
      <c r="E191" s="64">
        <v>32627211</v>
      </c>
      <c r="F191" s="16" t="s">
        <v>492</v>
      </c>
      <c r="G191" s="8">
        <v>1220.4100000000001</v>
      </c>
      <c r="H191" s="8">
        <v>1501.1</v>
      </c>
      <c r="I191" s="47" t="s">
        <v>493</v>
      </c>
      <c r="J191" s="6">
        <v>472025</v>
      </c>
    </row>
    <row r="192" spans="1:10" x14ac:dyDescent="0.25">
      <c r="A192" s="34" t="s">
        <v>494</v>
      </c>
      <c r="B192" s="211">
        <v>45712</v>
      </c>
      <c r="C192" s="11" t="s">
        <v>379</v>
      </c>
      <c r="D192" s="11" t="s">
        <v>380</v>
      </c>
      <c r="E192" s="63">
        <v>33768897</v>
      </c>
      <c r="F192" s="11" t="s">
        <v>495</v>
      </c>
      <c r="G192" s="12">
        <v>1279.98</v>
      </c>
      <c r="H192" s="12">
        <v>1574.38</v>
      </c>
      <c r="I192" s="47" t="s">
        <v>382</v>
      </c>
      <c r="J192" s="11">
        <v>342025</v>
      </c>
    </row>
    <row r="193" spans="1:10" x14ac:dyDescent="0.25">
      <c r="A193" s="166" t="s">
        <v>496</v>
      </c>
      <c r="B193" s="211">
        <v>45715</v>
      </c>
      <c r="C193" s="6" t="s">
        <v>302</v>
      </c>
      <c r="D193" s="6" t="s">
        <v>303</v>
      </c>
      <c r="E193" s="64">
        <v>42156424</v>
      </c>
      <c r="F193" s="6" t="s">
        <v>497</v>
      </c>
      <c r="G193" s="18">
        <v>14198.95</v>
      </c>
      <c r="H193" s="18">
        <v>17464.71</v>
      </c>
      <c r="I193" s="49" t="s">
        <v>305</v>
      </c>
      <c r="J193" s="6"/>
    </row>
    <row r="194" spans="1:10" x14ac:dyDescent="0.25">
      <c r="A194" s="34" t="s">
        <v>498</v>
      </c>
      <c r="B194" s="211">
        <v>45719</v>
      </c>
      <c r="C194" s="11" t="s">
        <v>499</v>
      </c>
      <c r="D194" s="11" t="s">
        <v>500</v>
      </c>
      <c r="E194" s="63">
        <v>35800861</v>
      </c>
      <c r="F194" s="11" t="s">
        <v>501</v>
      </c>
      <c r="G194" s="12">
        <v>3898</v>
      </c>
      <c r="H194" s="12">
        <v>4794.54</v>
      </c>
      <c r="I194" s="47"/>
      <c r="J194" s="11">
        <v>622025</v>
      </c>
    </row>
    <row r="195" spans="1:10" x14ac:dyDescent="0.25">
      <c r="A195" s="34" t="s">
        <v>502</v>
      </c>
      <c r="B195" s="211">
        <v>45719</v>
      </c>
      <c r="C195" s="11" t="s">
        <v>81</v>
      </c>
      <c r="D195" s="23" t="s">
        <v>82</v>
      </c>
      <c r="E195" s="66">
        <v>35697270</v>
      </c>
      <c r="F195" s="23" t="s">
        <v>503</v>
      </c>
      <c r="G195" s="18">
        <v>4.08</v>
      </c>
      <c r="H195" s="18">
        <v>5.0199999999999996</v>
      </c>
      <c r="I195" s="48" t="s">
        <v>84</v>
      </c>
      <c r="J195" s="11"/>
    </row>
    <row r="196" spans="1:10" x14ac:dyDescent="0.25">
      <c r="A196" s="34" t="s">
        <v>504</v>
      </c>
      <c r="B196" s="211">
        <v>45720</v>
      </c>
      <c r="C196" s="11" t="s">
        <v>148</v>
      </c>
      <c r="D196" s="23" t="s">
        <v>365</v>
      </c>
      <c r="E196" s="66">
        <v>53227514</v>
      </c>
      <c r="F196" s="23" t="s">
        <v>505</v>
      </c>
      <c r="G196" s="18">
        <v>15394</v>
      </c>
      <c r="H196" s="18">
        <v>16624</v>
      </c>
      <c r="I196" s="48" t="s">
        <v>151</v>
      </c>
      <c r="J196" s="11"/>
    </row>
    <row r="197" spans="1:10" x14ac:dyDescent="0.25">
      <c r="A197" s="166" t="s">
        <v>506</v>
      </c>
      <c r="B197" s="211">
        <v>45720</v>
      </c>
      <c r="C197" s="11" t="s">
        <v>148</v>
      </c>
      <c r="D197" s="23" t="s">
        <v>365</v>
      </c>
      <c r="E197" s="66">
        <v>53227514</v>
      </c>
      <c r="F197" s="23" t="s">
        <v>507</v>
      </c>
      <c r="G197" s="18">
        <v>2500</v>
      </c>
      <c r="H197" s="18">
        <v>3075</v>
      </c>
      <c r="I197" s="48" t="s">
        <v>151</v>
      </c>
      <c r="J197" s="11"/>
    </row>
    <row r="198" spans="1:10" x14ac:dyDescent="0.25">
      <c r="A198" s="34" t="s">
        <v>508</v>
      </c>
      <c r="B198" s="211">
        <v>45720</v>
      </c>
      <c r="C198" s="23" t="s">
        <v>139</v>
      </c>
      <c r="D198" s="23" t="s">
        <v>140</v>
      </c>
      <c r="E198" s="66">
        <v>47235713</v>
      </c>
      <c r="F198" s="23" t="s">
        <v>509</v>
      </c>
      <c r="G198" s="18">
        <v>5791.05</v>
      </c>
      <c r="H198" s="18">
        <v>7122.99</v>
      </c>
      <c r="I198" s="48" t="s">
        <v>142</v>
      </c>
      <c r="J198" s="11"/>
    </row>
    <row r="199" spans="1:10" x14ac:dyDescent="0.25">
      <c r="A199" s="34" t="s">
        <v>510</v>
      </c>
      <c r="B199" s="211">
        <v>45720</v>
      </c>
      <c r="C199" s="21" t="s">
        <v>139</v>
      </c>
      <c r="D199" s="22" t="s">
        <v>140</v>
      </c>
      <c r="E199" s="63">
        <v>47235713</v>
      </c>
      <c r="F199" s="11" t="s">
        <v>511</v>
      </c>
      <c r="G199" s="18">
        <v>1747.6</v>
      </c>
      <c r="H199" s="18">
        <v>2149.5500000000002</v>
      </c>
      <c r="I199" s="47" t="s">
        <v>142</v>
      </c>
      <c r="J199" s="11"/>
    </row>
    <row r="200" spans="1:10" x14ac:dyDescent="0.25">
      <c r="A200" s="34" t="s">
        <v>512</v>
      </c>
      <c r="B200" s="211">
        <v>45720</v>
      </c>
      <c r="C200" s="23" t="s">
        <v>139</v>
      </c>
      <c r="D200" s="23" t="s">
        <v>140</v>
      </c>
      <c r="E200" s="66">
        <v>47235713</v>
      </c>
      <c r="F200" s="23" t="s">
        <v>513</v>
      </c>
      <c r="G200" s="18">
        <v>22628.57</v>
      </c>
      <c r="H200" s="18">
        <v>27188.81</v>
      </c>
      <c r="I200" s="48" t="s">
        <v>142</v>
      </c>
      <c r="J200" s="11"/>
    </row>
    <row r="201" spans="1:10" x14ac:dyDescent="0.25">
      <c r="A201" s="34" t="s">
        <v>514</v>
      </c>
      <c r="B201" s="211">
        <v>45720</v>
      </c>
      <c r="C201" s="11" t="s">
        <v>357</v>
      </c>
      <c r="D201" s="6" t="s">
        <v>358</v>
      </c>
      <c r="E201" s="64">
        <v>36250481</v>
      </c>
      <c r="F201" s="11" t="s">
        <v>515</v>
      </c>
      <c r="G201" s="18">
        <v>3500</v>
      </c>
      <c r="H201" s="18">
        <v>4305</v>
      </c>
      <c r="I201" s="47" t="s">
        <v>387</v>
      </c>
      <c r="J201" s="11"/>
    </row>
    <row r="202" spans="1:10" x14ac:dyDescent="0.25">
      <c r="A202" s="166" t="s">
        <v>516</v>
      </c>
      <c r="B202" s="211">
        <v>45720</v>
      </c>
      <c r="C202" s="6" t="s">
        <v>357</v>
      </c>
      <c r="D202" s="6" t="s">
        <v>358</v>
      </c>
      <c r="E202" s="64">
        <v>36250481</v>
      </c>
      <c r="F202" s="23" t="s">
        <v>359</v>
      </c>
      <c r="G202" s="18">
        <v>33447.5</v>
      </c>
      <c r="H202" s="18">
        <v>41140.43</v>
      </c>
      <c r="I202" s="49" t="s">
        <v>360</v>
      </c>
      <c r="J202" s="11">
        <v>4032024</v>
      </c>
    </row>
    <row r="203" spans="1:10" x14ac:dyDescent="0.25">
      <c r="A203" s="34" t="s">
        <v>517</v>
      </c>
      <c r="B203" s="211">
        <v>45720</v>
      </c>
      <c r="C203" s="23" t="s">
        <v>68</v>
      </c>
      <c r="D203" s="23" t="s">
        <v>69</v>
      </c>
      <c r="E203" s="66">
        <v>51906988</v>
      </c>
      <c r="F203" s="23" t="s">
        <v>518</v>
      </c>
      <c r="G203" s="18">
        <v>882.08</v>
      </c>
      <c r="H203" s="18">
        <v>1084.96</v>
      </c>
      <c r="I203" s="48" t="s">
        <v>71</v>
      </c>
      <c r="J203" s="23"/>
    </row>
    <row r="204" spans="1:10" x14ac:dyDescent="0.25">
      <c r="A204" s="34" t="s">
        <v>519</v>
      </c>
      <c r="B204" s="211">
        <v>45719</v>
      </c>
      <c r="C204" s="39" t="s">
        <v>520</v>
      </c>
      <c r="D204" s="39" t="s">
        <v>521</v>
      </c>
      <c r="E204" s="77">
        <v>51871998</v>
      </c>
      <c r="F204" s="39" t="s">
        <v>522</v>
      </c>
      <c r="G204" s="40">
        <v>89</v>
      </c>
      <c r="H204" s="40">
        <v>109.47</v>
      </c>
      <c r="I204" s="58"/>
      <c r="J204" s="39">
        <v>492025</v>
      </c>
    </row>
    <row r="205" spans="1:10" x14ac:dyDescent="0.25">
      <c r="A205" s="34" t="s">
        <v>523</v>
      </c>
      <c r="B205" s="211">
        <v>45719</v>
      </c>
      <c r="C205" s="11" t="s">
        <v>105</v>
      </c>
      <c r="D205" s="23" t="s">
        <v>106</v>
      </c>
      <c r="E205" s="66">
        <v>31327681</v>
      </c>
      <c r="F205" s="23" t="s">
        <v>524</v>
      </c>
      <c r="G205" s="18">
        <v>6141.3</v>
      </c>
      <c r="H205" s="18">
        <v>7553.8</v>
      </c>
      <c r="I205" s="47" t="s">
        <v>108</v>
      </c>
      <c r="J205" s="11">
        <v>142025</v>
      </c>
    </row>
    <row r="206" spans="1:10" s="283" customFormat="1" x14ac:dyDescent="0.25">
      <c r="A206" s="276" t="s">
        <v>3602</v>
      </c>
      <c r="B206" s="296">
        <v>45719</v>
      </c>
      <c r="C206" s="286" t="s">
        <v>127</v>
      </c>
      <c r="D206" s="280" t="s">
        <v>128</v>
      </c>
      <c r="E206" s="287">
        <v>36795135</v>
      </c>
      <c r="F206" s="276" t="s">
        <v>3604</v>
      </c>
      <c r="G206" s="289">
        <v>6617.76</v>
      </c>
      <c r="H206" s="326">
        <v>6652.26</v>
      </c>
      <c r="I206" s="298" t="s">
        <v>130</v>
      </c>
      <c r="J206" s="280"/>
    </row>
    <row r="207" spans="1:10" s="283" customFormat="1" x14ac:dyDescent="0.25">
      <c r="A207" s="299" t="s">
        <v>3603</v>
      </c>
      <c r="B207" s="296">
        <v>45719</v>
      </c>
      <c r="C207" s="286" t="s">
        <v>127</v>
      </c>
      <c r="D207" s="280" t="s">
        <v>128</v>
      </c>
      <c r="E207" s="287">
        <v>36795135</v>
      </c>
      <c r="F207" s="276" t="s">
        <v>3605</v>
      </c>
      <c r="G207" s="281">
        <v>2142.4</v>
      </c>
      <c r="H207" s="281">
        <v>2619.73</v>
      </c>
      <c r="I207" s="298" t="s">
        <v>130</v>
      </c>
      <c r="J207" s="280"/>
    </row>
    <row r="208" spans="1:10" x14ac:dyDescent="0.25">
      <c r="A208" s="34" t="s">
        <v>525</v>
      </c>
      <c r="B208" s="211">
        <v>45719</v>
      </c>
      <c r="C208" s="23" t="s">
        <v>117</v>
      </c>
      <c r="D208" s="23" t="s">
        <v>118</v>
      </c>
      <c r="E208" s="66">
        <v>46380434</v>
      </c>
      <c r="F208" s="23" t="s">
        <v>526</v>
      </c>
      <c r="G208" s="18">
        <v>1045</v>
      </c>
      <c r="H208" s="18">
        <v>1285.3499999999999</v>
      </c>
      <c r="I208" s="48" t="s">
        <v>120</v>
      </c>
      <c r="J208" s="11"/>
    </row>
    <row r="209" spans="1:10" x14ac:dyDescent="0.25">
      <c r="A209" s="34" t="s">
        <v>527</v>
      </c>
      <c r="B209" s="211">
        <v>45719</v>
      </c>
      <c r="C209" s="17" t="s">
        <v>134</v>
      </c>
      <c r="D209" s="17" t="s">
        <v>369</v>
      </c>
      <c r="E209" s="60">
        <v>35889063</v>
      </c>
      <c r="F209" s="17" t="s">
        <v>528</v>
      </c>
      <c r="G209" s="18">
        <v>56.67</v>
      </c>
      <c r="H209" s="18">
        <v>56.67</v>
      </c>
      <c r="I209" s="50" t="s">
        <v>137</v>
      </c>
      <c r="J209" s="11"/>
    </row>
    <row r="210" spans="1:10" x14ac:dyDescent="0.25">
      <c r="A210" s="34" t="s">
        <v>529</v>
      </c>
      <c r="B210" s="211">
        <v>45720</v>
      </c>
      <c r="C210" s="11" t="s">
        <v>431</v>
      </c>
      <c r="D210" s="6" t="s">
        <v>489</v>
      </c>
      <c r="E210" s="64">
        <v>47139200</v>
      </c>
      <c r="F210" s="11" t="s">
        <v>530</v>
      </c>
      <c r="G210" s="18">
        <v>336.59</v>
      </c>
      <c r="H210" s="18">
        <v>414</v>
      </c>
      <c r="I210" s="47"/>
      <c r="J210" s="11">
        <v>62025</v>
      </c>
    </row>
    <row r="211" spans="1:10" x14ac:dyDescent="0.25">
      <c r="A211" s="10" t="s">
        <v>3606</v>
      </c>
      <c r="B211" s="294">
        <v>45721</v>
      </c>
      <c r="C211" s="91" t="s">
        <v>63</v>
      </c>
      <c r="D211" s="23" t="s">
        <v>64</v>
      </c>
      <c r="E211" s="136">
        <v>35872900</v>
      </c>
      <c r="F211" s="123" t="s">
        <v>3607</v>
      </c>
      <c r="G211" s="317">
        <v>1400</v>
      </c>
      <c r="H211" s="18">
        <v>1722</v>
      </c>
      <c r="I211" s="50" t="s">
        <v>66</v>
      </c>
      <c r="J211" s="23">
        <v>202025</v>
      </c>
    </row>
    <row r="212" spans="1:10" x14ac:dyDescent="0.25">
      <c r="A212" s="166" t="s">
        <v>531</v>
      </c>
      <c r="B212" s="211">
        <v>45720</v>
      </c>
      <c r="C212" s="6" t="s">
        <v>164</v>
      </c>
      <c r="D212" s="6" t="s">
        <v>165</v>
      </c>
      <c r="E212" s="70">
        <v>43799485</v>
      </c>
      <c r="F212" s="6" t="s">
        <v>532</v>
      </c>
      <c r="G212" s="18">
        <v>3000</v>
      </c>
      <c r="H212" s="18">
        <v>3670</v>
      </c>
      <c r="I212" s="49" t="s">
        <v>167</v>
      </c>
      <c r="J212" s="11"/>
    </row>
    <row r="213" spans="1:10" x14ac:dyDescent="0.25">
      <c r="A213" s="34" t="s">
        <v>533</v>
      </c>
      <c r="B213" s="211">
        <v>45720</v>
      </c>
      <c r="C213" s="6" t="s">
        <v>164</v>
      </c>
      <c r="D213" s="6" t="s">
        <v>165</v>
      </c>
      <c r="E213" s="64">
        <v>43799485</v>
      </c>
      <c r="F213" s="6" t="s">
        <v>534</v>
      </c>
      <c r="G213" s="18">
        <v>17868.330000000002</v>
      </c>
      <c r="H213" s="18">
        <v>18006.330000000002</v>
      </c>
      <c r="I213" s="49" t="s">
        <v>167</v>
      </c>
      <c r="J213" s="11"/>
    </row>
    <row r="214" spans="1:10" x14ac:dyDescent="0.25">
      <c r="A214" s="34" t="s">
        <v>535</v>
      </c>
      <c r="B214" s="211">
        <v>45721</v>
      </c>
      <c r="C214" s="11" t="s">
        <v>155</v>
      </c>
      <c r="D214" s="11" t="s">
        <v>156</v>
      </c>
      <c r="E214" s="63">
        <v>36687936</v>
      </c>
      <c r="F214" s="11" t="s">
        <v>536</v>
      </c>
      <c r="G214" s="18">
        <v>19323.099999999999</v>
      </c>
      <c r="H214" s="18">
        <v>19714.099999999999</v>
      </c>
      <c r="I214" s="47" t="s">
        <v>158</v>
      </c>
      <c r="J214" s="11"/>
    </row>
    <row r="215" spans="1:10" x14ac:dyDescent="0.25">
      <c r="A215" s="34" t="s">
        <v>537</v>
      </c>
      <c r="B215" s="211">
        <v>45721</v>
      </c>
      <c r="C215" s="11" t="s">
        <v>155</v>
      </c>
      <c r="D215" s="11" t="s">
        <v>156</v>
      </c>
      <c r="E215" s="63">
        <v>36687936</v>
      </c>
      <c r="F215" s="11" t="s">
        <v>538</v>
      </c>
      <c r="G215" s="18">
        <v>4386</v>
      </c>
      <c r="H215" s="18">
        <v>5394.78</v>
      </c>
      <c r="I215" s="47" t="s">
        <v>158</v>
      </c>
      <c r="J215" s="11"/>
    </row>
    <row r="216" spans="1:10" x14ac:dyDescent="0.25">
      <c r="A216" s="166" t="s">
        <v>539</v>
      </c>
      <c r="B216" s="211">
        <v>45721</v>
      </c>
      <c r="C216" s="11" t="s">
        <v>155</v>
      </c>
      <c r="D216" s="11" t="s">
        <v>156</v>
      </c>
      <c r="E216" s="63">
        <v>36687936</v>
      </c>
      <c r="F216" s="11" t="s">
        <v>540</v>
      </c>
      <c r="G216" s="18">
        <v>2777.8</v>
      </c>
      <c r="H216" s="18">
        <v>3416.69</v>
      </c>
      <c r="I216" s="47" t="s">
        <v>158</v>
      </c>
      <c r="J216" s="11"/>
    </row>
    <row r="217" spans="1:10" x14ac:dyDescent="0.25">
      <c r="A217" s="34" t="s">
        <v>541</v>
      </c>
      <c r="B217" s="211">
        <v>45722</v>
      </c>
      <c r="C217" s="17" t="s">
        <v>95</v>
      </c>
      <c r="D217" s="17" t="s">
        <v>96</v>
      </c>
      <c r="E217" s="60">
        <v>31322832</v>
      </c>
      <c r="F217" s="11" t="s">
        <v>542</v>
      </c>
      <c r="G217" s="63">
        <v>2686.94</v>
      </c>
      <c r="H217" s="18">
        <v>3304.91</v>
      </c>
      <c r="I217" s="50" t="s">
        <v>98</v>
      </c>
      <c r="J217" s="11"/>
    </row>
    <row r="218" spans="1:10" x14ac:dyDescent="0.25">
      <c r="A218" s="34" t="s">
        <v>543</v>
      </c>
      <c r="B218" s="211">
        <v>45720</v>
      </c>
      <c r="C218" s="23" t="s">
        <v>73</v>
      </c>
      <c r="D218" s="26" t="s">
        <v>74</v>
      </c>
      <c r="E218" s="72">
        <v>35763469</v>
      </c>
      <c r="F218" s="26" t="s">
        <v>544</v>
      </c>
      <c r="G218" s="18">
        <v>6311.2</v>
      </c>
      <c r="H218" s="18">
        <v>7761.63</v>
      </c>
      <c r="I218" s="49" t="s">
        <v>76</v>
      </c>
      <c r="J218" s="11"/>
    </row>
    <row r="219" spans="1:10" x14ac:dyDescent="0.25">
      <c r="A219" s="34" t="s">
        <v>545</v>
      </c>
      <c r="B219" s="211">
        <v>45721</v>
      </c>
      <c r="C219" s="10" t="s">
        <v>546</v>
      </c>
      <c r="D219" s="10" t="s">
        <v>547</v>
      </c>
      <c r="E219" s="63">
        <v>31402445</v>
      </c>
      <c r="F219" s="10" t="s">
        <v>548</v>
      </c>
      <c r="G219" s="63">
        <v>324.45999999999998</v>
      </c>
      <c r="H219" s="63">
        <v>399.09</v>
      </c>
      <c r="I219" s="22" t="s">
        <v>549</v>
      </c>
      <c r="J219" s="11"/>
    </row>
    <row r="220" spans="1:10" x14ac:dyDescent="0.25">
      <c r="A220" s="166" t="s">
        <v>550</v>
      </c>
      <c r="B220" s="211">
        <v>45722</v>
      </c>
      <c r="C220" s="11" t="s">
        <v>431</v>
      </c>
      <c r="D220" s="6" t="s">
        <v>489</v>
      </c>
      <c r="E220" s="64">
        <v>47139200</v>
      </c>
      <c r="F220" s="11" t="s">
        <v>551</v>
      </c>
      <c r="G220" s="18">
        <v>100</v>
      </c>
      <c r="H220" s="18">
        <v>123</v>
      </c>
      <c r="I220" s="47"/>
      <c r="J220" s="11">
        <v>642025</v>
      </c>
    </row>
    <row r="221" spans="1:10" x14ac:dyDescent="0.25">
      <c r="A221" s="34" t="s">
        <v>552</v>
      </c>
      <c r="B221" s="211">
        <v>45721</v>
      </c>
      <c r="C221" s="11" t="s">
        <v>553</v>
      </c>
      <c r="D221" s="6" t="s">
        <v>554</v>
      </c>
      <c r="E221" s="63">
        <v>35867647</v>
      </c>
      <c r="F221" s="10" t="s">
        <v>555</v>
      </c>
      <c r="G221" s="63">
        <v>270</v>
      </c>
      <c r="H221" s="318">
        <v>332.1</v>
      </c>
      <c r="I221" s="22"/>
      <c r="J221" s="11">
        <v>652025</v>
      </c>
    </row>
    <row r="222" spans="1:10" x14ac:dyDescent="0.25">
      <c r="A222" s="34" t="s">
        <v>556</v>
      </c>
      <c r="B222" s="211">
        <v>45722</v>
      </c>
      <c r="C222" s="11" t="s">
        <v>105</v>
      </c>
      <c r="D222" s="23" t="s">
        <v>106</v>
      </c>
      <c r="E222" s="66">
        <v>31327681</v>
      </c>
      <c r="F222" s="23" t="s">
        <v>557</v>
      </c>
      <c r="G222" s="18">
        <v>1077.48</v>
      </c>
      <c r="H222" s="18">
        <v>1693.71</v>
      </c>
      <c r="I222" s="47"/>
      <c r="J222" s="11">
        <v>252025</v>
      </c>
    </row>
    <row r="223" spans="1:10" x14ac:dyDescent="0.25">
      <c r="A223" s="34" t="s">
        <v>558</v>
      </c>
      <c r="B223" s="211">
        <v>45722</v>
      </c>
      <c r="C223" s="10" t="s">
        <v>559</v>
      </c>
      <c r="D223" s="10" t="s">
        <v>560</v>
      </c>
      <c r="E223" s="63" t="s">
        <v>561</v>
      </c>
      <c r="F223" s="10" t="s">
        <v>562</v>
      </c>
      <c r="G223" s="60" t="s">
        <v>563</v>
      </c>
      <c r="H223" s="60" t="s">
        <v>564</v>
      </c>
      <c r="I223" s="22"/>
      <c r="J223" s="10" t="s">
        <v>3648</v>
      </c>
    </row>
    <row r="224" spans="1:10" x14ac:dyDescent="0.25">
      <c r="A224" s="34" t="s">
        <v>565</v>
      </c>
      <c r="B224" s="211">
        <v>45722</v>
      </c>
      <c r="C224" s="10" t="s">
        <v>559</v>
      </c>
      <c r="D224" s="10" t="s">
        <v>560</v>
      </c>
      <c r="E224" s="63" t="s">
        <v>561</v>
      </c>
      <c r="F224" s="10" t="s">
        <v>562</v>
      </c>
      <c r="G224" s="60" t="s">
        <v>566</v>
      </c>
      <c r="H224" s="60" t="s">
        <v>567</v>
      </c>
      <c r="I224" s="22"/>
      <c r="J224" s="10" t="s">
        <v>3649</v>
      </c>
    </row>
    <row r="225" spans="1:10" x14ac:dyDescent="0.25">
      <c r="A225" s="166" t="s">
        <v>568</v>
      </c>
      <c r="B225" s="211">
        <v>45722</v>
      </c>
      <c r="C225" s="10" t="s">
        <v>559</v>
      </c>
      <c r="D225" s="10" t="s">
        <v>560</v>
      </c>
      <c r="E225" s="63" t="s">
        <v>561</v>
      </c>
      <c r="F225" s="10" t="s">
        <v>569</v>
      </c>
      <c r="G225" s="60" t="s">
        <v>570</v>
      </c>
      <c r="H225" s="60" t="s">
        <v>571</v>
      </c>
      <c r="I225" s="22"/>
      <c r="J225" s="10" t="s">
        <v>3650</v>
      </c>
    </row>
    <row r="226" spans="1:10" x14ac:dyDescent="0.25">
      <c r="A226" s="34" t="s">
        <v>572</v>
      </c>
      <c r="B226" s="211">
        <v>45723</v>
      </c>
      <c r="C226" s="11" t="s">
        <v>455</v>
      </c>
      <c r="D226" s="6" t="s">
        <v>456</v>
      </c>
      <c r="E226" s="64">
        <v>31609058</v>
      </c>
      <c r="F226" s="6" t="s">
        <v>573</v>
      </c>
      <c r="G226" s="18">
        <v>50.4</v>
      </c>
      <c r="H226" s="18">
        <v>61.99</v>
      </c>
      <c r="I226" s="49" t="s">
        <v>458</v>
      </c>
      <c r="J226" s="11"/>
    </row>
    <row r="227" spans="1:10" x14ac:dyDescent="0.25">
      <c r="A227" s="34" t="s">
        <v>574</v>
      </c>
      <c r="B227" s="211">
        <v>45723</v>
      </c>
      <c r="C227" s="11" t="s">
        <v>182</v>
      </c>
      <c r="D227" s="11" t="s">
        <v>183</v>
      </c>
      <c r="E227" s="63">
        <v>48059528</v>
      </c>
      <c r="F227" s="11" t="s">
        <v>575</v>
      </c>
      <c r="G227" s="18">
        <v>2750.48</v>
      </c>
      <c r="H227" s="18">
        <v>2888</v>
      </c>
      <c r="I227" s="47" t="s">
        <v>185</v>
      </c>
      <c r="J227" s="11"/>
    </row>
    <row r="228" spans="1:10" x14ac:dyDescent="0.25">
      <c r="A228" s="34" t="s">
        <v>576</v>
      </c>
      <c r="B228" s="211">
        <v>45722</v>
      </c>
      <c r="C228" s="11" t="s">
        <v>81</v>
      </c>
      <c r="D228" s="23" t="s">
        <v>82</v>
      </c>
      <c r="E228" s="66">
        <v>35697270</v>
      </c>
      <c r="F228" s="23" t="s">
        <v>577</v>
      </c>
      <c r="G228" s="18">
        <v>13.96</v>
      </c>
      <c r="H228" s="18">
        <v>17.170000000000002</v>
      </c>
      <c r="I228" s="48" t="s">
        <v>84</v>
      </c>
      <c r="J228" s="11"/>
    </row>
    <row r="229" spans="1:10" x14ac:dyDescent="0.25">
      <c r="A229" s="34" t="s">
        <v>578</v>
      </c>
      <c r="B229" s="211">
        <v>45726</v>
      </c>
      <c r="C229" s="23" t="s">
        <v>44</v>
      </c>
      <c r="D229" s="23" t="s">
        <v>45</v>
      </c>
      <c r="E229" s="66">
        <v>35731851</v>
      </c>
      <c r="F229" s="23" t="s">
        <v>579</v>
      </c>
      <c r="G229" s="18">
        <v>350</v>
      </c>
      <c r="H229" s="18">
        <v>430.5</v>
      </c>
      <c r="I229" s="48" t="s">
        <v>47</v>
      </c>
      <c r="J229" s="23">
        <v>1792024</v>
      </c>
    </row>
    <row r="230" spans="1:10" x14ac:dyDescent="0.25">
      <c r="A230" s="166" t="s">
        <v>580</v>
      </c>
      <c r="B230" s="211">
        <v>45726</v>
      </c>
      <c r="C230" s="23" t="s">
        <v>44</v>
      </c>
      <c r="D230" s="23" t="s">
        <v>45</v>
      </c>
      <c r="E230" s="66">
        <v>35731851</v>
      </c>
      <c r="F230" s="23" t="s">
        <v>581</v>
      </c>
      <c r="G230" s="18">
        <v>350</v>
      </c>
      <c r="H230" s="18">
        <v>430.5</v>
      </c>
      <c r="I230" s="48" t="s">
        <v>47</v>
      </c>
      <c r="J230" s="23">
        <v>1792024</v>
      </c>
    </row>
    <row r="231" spans="1:10" x14ac:dyDescent="0.25">
      <c r="A231" s="34" t="s">
        <v>582</v>
      </c>
      <c r="B231" s="211">
        <v>45726</v>
      </c>
      <c r="C231" s="23" t="s">
        <v>44</v>
      </c>
      <c r="D231" s="23" t="s">
        <v>45</v>
      </c>
      <c r="E231" s="66">
        <v>35731851</v>
      </c>
      <c r="F231" s="23" t="s">
        <v>583</v>
      </c>
      <c r="G231" s="18">
        <v>350</v>
      </c>
      <c r="H231" s="18">
        <v>430.5</v>
      </c>
      <c r="I231" s="48" t="s">
        <v>47</v>
      </c>
      <c r="J231" s="23">
        <v>1792024</v>
      </c>
    </row>
    <row r="232" spans="1:10" x14ac:dyDescent="0.25">
      <c r="A232" s="34" t="s">
        <v>584</v>
      </c>
      <c r="B232" s="211">
        <v>45726</v>
      </c>
      <c r="C232" s="23" t="s">
        <v>44</v>
      </c>
      <c r="D232" s="23" t="s">
        <v>45</v>
      </c>
      <c r="E232" s="66">
        <v>35731851</v>
      </c>
      <c r="F232" s="23" t="s">
        <v>585</v>
      </c>
      <c r="G232" s="18">
        <v>350</v>
      </c>
      <c r="H232" s="18">
        <v>430.5</v>
      </c>
      <c r="I232" s="48" t="s">
        <v>47</v>
      </c>
      <c r="J232" s="23">
        <v>1792024</v>
      </c>
    </row>
    <row r="233" spans="1:10" x14ac:dyDescent="0.25">
      <c r="A233" s="34" t="s">
        <v>586</v>
      </c>
      <c r="B233" s="211">
        <v>45726</v>
      </c>
      <c r="C233" s="23" t="s">
        <v>44</v>
      </c>
      <c r="D233" s="23" t="s">
        <v>45</v>
      </c>
      <c r="E233" s="66">
        <v>35731851</v>
      </c>
      <c r="F233" s="23" t="s">
        <v>587</v>
      </c>
      <c r="G233" s="18">
        <v>350</v>
      </c>
      <c r="H233" s="18">
        <v>430.5</v>
      </c>
      <c r="I233" s="48" t="s">
        <v>47</v>
      </c>
      <c r="J233" s="23">
        <v>1792024</v>
      </c>
    </row>
    <row r="234" spans="1:10" x14ac:dyDescent="0.25">
      <c r="A234" s="34" t="s">
        <v>588</v>
      </c>
      <c r="B234" s="211">
        <v>45726</v>
      </c>
      <c r="C234" s="23" t="s">
        <v>44</v>
      </c>
      <c r="D234" s="23" t="s">
        <v>45</v>
      </c>
      <c r="E234" s="66">
        <v>35731851</v>
      </c>
      <c r="F234" s="23" t="s">
        <v>589</v>
      </c>
      <c r="G234" s="18">
        <v>350</v>
      </c>
      <c r="H234" s="18">
        <v>430.5</v>
      </c>
      <c r="I234" s="48" t="s">
        <v>47</v>
      </c>
      <c r="J234" s="23">
        <v>1792024</v>
      </c>
    </row>
    <row r="235" spans="1:10" x14ac:dyDescent="0.25">
      <c r="A235" s="166" t="s">
        <v>590</v>
      </c>
      <c r="B235" s="211">
        <v>45726</v>
      </c>
      <c r="C235" s="23" t="s">
        <v>44</v>
      </c>
      <c r="D235" s="23" t="s">
        <v>45</v>
      </c>
      <c r="E235" s="66">
        <v>35731851</v>
      </c>
      <c r="F235" s="23" t="s">
        <v>591</v>
      </c>
      <c r="G235" s="18">
        <v>350</v>
      </c>
      <c r="H235" s="18">
        <v>430.5</v>
      </c>
      <c r="I235" s="48" t="s">
        <v>47</v>
      </c>
      <c r="J235" s="23">
        <v>1792024</v>
      </c>
    </row>
    <row r="236" spans="1:10" x14ac:dyDescent="0.25">
      <c r="A236" s="34" t="s">
        <v>592</v>
      </c>
      <c r="B236" s="211">
        <v>45726</v>
      </c>
      <c r="C236" s="23" t="s">
        <v>44</v>
      </c>
      <c r="D236" s="23" t="s">
        <v>45</v>
      </c>
      <c r="E236" s="66">
        <v>35731851</v>
      </c>
      <c r="F236" s="23" t="s">
        <v>593</v>
      </c>
      <c r="G236" s="18">
        <v>350</v>
      </c>
      <c r="H236" s="18">
        <v>430.5</v>
      </c>
      <c r="I236" s="48" t="s">
        <v>47</v>
      </c>
      <c r="J236" s="23">
        <v>1792024</v>
      </c>
    </row>
    <row r="237" spans="1:10" x14ac:dyDescent="0.25">
      <c r="A237" s="34" t="s">
        <v>594</v>
      </c>
      <c r="B237" s="211">
        <v>45726</v>
      </c>
      <c r="C237" s="11" t="s">
        <v>389</v>
      </c>
      <c r="D237" s="11" t="s">
        <v>390</v>
      </c>
      <c r="E237" s="63">
        <v>35900831</v>
      </c>
      <c r="F237" s="11" t="s">
        <v>595</v>
      </c>
      <c r="G237" s="18">
        <v>97</v>
      </c>
      <c r="H237" s="18">
        <v>97</v>
      </c>
      <c r="I237" s="47"/>
      <c r="J237" s="11">
        <v>222025</v>
      </c>
    </row>
    <row r="238" spans="1:10" x14ac:dyDescent="0.25">
      <c r="A238" s="34" t="s">
        <v>596</v>
      </c>
      <c r="B238" s="211">
        <v>45726</v>
      </c>
      <c r="C238" s="11" t="s">
        <v>177</v>
      </c>
      <c r="D238" s="11" t="s">
        <v>178</v>
      </c>
      <c r="E238" s="63">
        <v>53528654</v>
      </c>
      <c r="F238" s="19" t="s">
        <v>597</v>
      </c>
      <c r="G238" s="18">
        <v>3166.49</v>
      </c>
      <c r="H238" s="18">
        <v>3166.48</v>
      </c>
      <c r="I238" s="53" t="s">
        <v>180</v>
      </c>
      <c r="J238" s="11">
        <v>662025</v>
      </c>
    </row>
    <row r="239" spans="1:10" x14ac:dyDescent="0.25">
      <c r="A239" s="34" t="s">
        <v>598</v>
      </c>
      <c r="B239" s="211">
        <v>45726</v>
      </c>
      <c r="C239" s="11" t="s">
        <v>599</v>
      </c>
      <c r="D239" s="11" t="s">
        <v>600</v>
      </c>
      <c r="E239" s="63">
        <v>36562939</v>
      </c>
      <c r="F239" s="11" t="s">
        <v>601</v>
      </c>
      <c r="G239" s="12">
        <v>4021.54</v>
      </c>
      <c r="H239" s="12">
        <v>4946.49</v>
      </c>
      <c r="I239" s="47"/>
      <c r="J239" s="11">
        <v>612025</v>
      </c>
    </row>
    <row r="240" spans="1:10" x14ac:dyDescent="0.25">
      <c r="A240" s="166" t="s">
        <v>602</v>
      </c>
      <c r="B240" s="211">
        <v>45726</v>
      </c>
      <c r="C240" s="11" t="s">
        <v>603</v>
      </c>
      <c r="D240" s="11" t="s">
        <v>604</v>
      </c>
      <c r="E240" s="63">
        <v>27437973</v>
      </c>
      <c r="F240" s="11" t="s">
        <v>605</v>
      </c>
      <c r="G240" s="12">
        <v>1609</v>
      </c>
      <c r="H240" s="12">
        <v>1609</v>
      </c>
      <c r="I240" s="47"/>
      <c r="J240" s="11">
        <v>562025</v>
      </c>
    </row>
    <row r="241" spans="1:10" x14ac:dyDescent="0.25">
      <c r="A241" s="34" t="s">
        <v>606</v>
      </c>
      <c r="B241" s="211">
        <v>45726</v>
      </c>
      <c r="C241" s="11" t="s">
        <v>455</v>
      </c>
      <c r="D241" s="6" t="s">
        <v>607</v>
      </c>
      <c r="E241" s="64">
        <v>31609058</v>
      </c>
      <c r="F241" s="6" t="s">
        <v>608</v>
      </c>
      <c r="G241" s="18">
        <v>720</v>
      </c>
      <c r="H241" s="18">
        <v>885.6</v>
      </c>
      <c r="I241" s="49" t="s">
        <v>458</v>
      </c>
      <c r="J241" s="11"/>
    </row>
    <row r="242" spans="1:10" x14ac:dyDescent="0.25">
      <c r="A242" s="34" t="s">
        <v>609</v>
      </c>
      <c r="B242" s="211">
        <v>45727</v>
      </c>
      <c r="C242" s="23" t="s">
        <v>241</v>
      </c>
      <c r="D242" s="27" t="s">
        <v>242</v>
      </c>
      <c r="E242" s="66">
        <v>36631124</v>
      </c>
      <c r="F242" s="19" t="s">
        <v>610</v>
      </c>
      <c r="G242" s="18">
        <v>11.2</v>
      </c>
      <c r="H242" s="18">
        <v>13.78</v>
      </c>
      <c r="I242" s="47" t="s">
        <v>611</v>
      </c>
      <c r="J242" s="11"/>
    </row>
    <row r="243" spans="1:10" x14ac:dyDescent="0.25">
      <c r="A243" s="34" t="s">
        <v>612</v>
      </c>
      <c r="B243" s="211">
        <v>45728</v>
      </c>
      <c r="C243" s="23" t="s">
        <v>241</v>
      </c>
      <c r="D243" s="27" t="s">
        <v>242</v>
      </c>
      <c r="E243" s="66">
        <v>36631124</v>
      </c>
      <c r="F243" s="19" t="s">
        <v>613</v>
      </c>
      <c r="G243" s="18">
        <v>522.54999999999995</v>
      </c>
      <c r="H243" s="18">
        <v>522.54999999999995</v>
      </c>
      <c r="I243" s="47" t="s">
        <v>611</v>
      </c>
      <c r="J243" s="11"/>
    </row>
    <row r="244" spans="1:10" x14ac:dyDescent="0.25">
      <c r="A244" s="34" t="s">
        <v>614</v>
      </c>
      <c r="B244" s="211">
        <v>45728</v>
      </c>
      <c r="C244" s="23" t="s">
        <v>241</v>
      </c>
      <c r="D244" s="27" t="s">
        <v>242</v>
      </c>
      <c r="E244" s="66">
        <v>36631124</v>
      </c>
      <c r="F244" s="19" t="s">
        <v>613</v>
      </c>
      <c r="G244" s="18">
        <v>362.3</v>
      </c>
      <c r="H244" s="18">
        <v>362.3</v>
      </c>
      <c r="I244" s="47" t="s">
        <v>611</v>
      </c>
      <c r="J244" s="11"/>
    </row>
    <row r="245" spans="1:10" x14ac:dyDescent="0.25">
      <c r="A245" s="166" t="s">
        <v>615</v>
      </c>
      <c r="B245" s="211">
        <v>45728</v>
      </c>
      <c r="C245" s="23" t="s">
        <v>241</v>
      </c>
      <c r="D245" s="27" t="s">
        <v>242</v>
      </c>
      <c r="E245" s="66">
        <v>36631124</v>
      </c>
      <c r="F245" s="19" t="s">
        <v>613</v>
      </c>
      <c r="G245" s="18">
        <v>270.3</v>
      </c>
      <c r="H245" s="18">
        <v>270.3</v>
      </c>
      <c r="I245" s="47" t="s">
        <v>611</v>
      </c>
      <c r="J245" s="11"/>
    </row>
    <row r="246" spans="1:10" x14ac:dyDescent="0.25">
      <c r="A246" s="34" t="s">
        <v>616</v>
      </c>
      <c r="B246" s="211">
        <v>45728</v>
      </c>
      <c r="C246" s="23" t="s">
        <v>241</v>
      </c>
      <c r="D246" s="27" t="s">
        <v>242</v>
      </c>
      <c r="E246" s="66">
        <v>36631124</v>
      </c>
      <c r="F246" s="19" t="s">
        <v>613</v>
      </c>
      <c r="G246" s="18">
        <v>485.75</v>
      </c>
      <c r="H246" s="18">
        <v>485.75</v>
      </c>
      <c r="I246" s="47" t="s">
        <v>611</v>
      </c>
      <c r="J246" s="11"/>
    </row>
    <row r="247" spans="1:10" x14ac:dyDescent="0.25">
      <c r="A247" s="34" t="s">
        <v>617</v>
      </c>
      <c r="B247" s="211">
        <v>45728</v>
      </c>
      <c r="C247" s="23" t="s">
        <v>241</v>
      </c>
      <c r="D247" s="27" t="s">
        <v>242</v>
      </c>
      <c r="E247" s="66">
        <v>36631124</v>
      </c>
      <c r="F247" s="19" t="s">
        <v>613</v>
      </c>
      <c r="G247" s="18">
        <v>585.35</v>
      </c>
      <c r="H247" s="18">
        <v>585.35</v>
      </c>
      <c r="I247" s="47" t="s">
        <v>611</v>
      </c>
      <c r="J247" s="11"/>
    </row>
    <row r="248" spans="1:10" x14ac:dyDescent="0.25">
      <c r="A248" s="166" t="s">
        <v>618</v>
      </c>
      <c r="B248" s="211">
        <v>45728</v>
      </c>
      <c r="C248" s="28" t="s">
        <v>241</v>
      </c>
      <c r="D248" s="27" t="s">
        <v>242</v>
      </c>
      <c r="E248" s="66">
        <v>36631124</v>
      </c>
      <c r="F248" s="19" t="s">
        <v>613</v>
      </c>
      <c r="G248" s="18">
        <v>428.4</v>
      </c>
      <c r="H248" s="18">
        <v>428.4</v>
      </c>
      <c r="I248" s="47" t="s">
        <v>611</v>
      </c>
      <c r="J248" s="11"/>
    </row>
    <row r="249" spans="1:10" x14ac:dyDescent="0.25">
      <c r="A249" s="34" t="s">
        <v>619</v>
      </c>
      <c r="B249" s="211">
        <v>45728</v>
      </c>
      <c r="C249" s="23" t="s">
        <v>241</v>
      </c>
      <c r="D249" s="27" t="s">
        <v>242</v>
      </c>
      <c r="E249" s="66">
        <v>36631124</v>
      </c>
      <c r="F249" s="19" t="s">
        <v>613</v>
      </c>
      <c r="G249" s="18">
        <v>518.35</v>
      </c>
      <c r="H249" s="18">
        <v>518.35</v>
      </c>
      <c r="I249" s="47" t="s">
        <v>611</v>
      </c>
      <c r="J249" s="11"/>
    </row>
    <row r="250" spans="1:10" x14ac:dyDescent="0.25">
      <c r="A250" s="34" t="s">
        <v>620</v>
      </c>
      <c r="B250" s="211">
        <v>45728</v>
      </c>
      <c r="C250" s="11" t="s">
        <v>621</v>
      </c>
      <c r="D250" s="11" t="s">
        <v>622</v>
      </c>
      <c r="E250" s="63">
        <v>36404136</v>
      </c>
      <c r="F250" s="11" t="s">
        <v>623</v>
      </c>
      <c r="G250" s="12">
        <v>46528.800000000003</v>
      </c>
      <c r="H250" s="12">
        <v>46528.800000000003</v>
      </c>
      <c r="I250" s="47" t="s">
        <v>624</v>
      </c>
      <c r="J250" s="11"/>
    </row>
    <row r="251" spans="1:10" x14ac:dyDescent="0.25">
      <c r="A251" s="166" t="s">
        <v>625</v>
      </c>
      <c r="B251" s="211">
        <v>45728</v>
      </c>
      <c r="C251" s="11" t="s">
        <v>621</v>
      </c>
      <c r="D251" s="11" t="s">
        <v>622</v>
      </c>
      <c r="E251" s="63">
        <v>36404136</v>
      </c>
      <c r="F251" s="11" t="s">
        <v>626</v>
      </c>
      <c r="G251" s="12">
        <v>2400</v>
      </c>
      <c r="H251" s="12">
        <v>2952</v>
      </c>
      <c r="I251" s="47" t="s">
        <v>624</v>
      </c>
      <c r="J251" s="11"/>
    </row>
    <row r="252" spans="1:10" x14ac:dyDescent="0.25">
      <c r="A252" s="34" t="s">
        <v>627</v>
      </c>
      <c r="B252" s="211">
        <v>45728</v>
      </c>
      <c r="C252" s="11" t="s">
        <v>621</v>
      </c>
      <c r="D252" s="11" t="s">
        <v>622</v>
      </c>
      <c r="E252" s="63">
        <v>36404136</v>
      </c>
      <c r="F252" s="11" t="s">
        <v>628</v>
      </c>
      <c r="G252" s="12">
        <v>9771.06</v>
      </c>
      <c r="H252" s="12">
        <v>12018.4</v>
      </c>
      <c r="I252" s="47" t="s">
        <v>624</v>
      </c>
      <c r="J252" s="11"/>
    </row>
    <row r="253" spans="1:10" x14ac:dyDescent="0.25">
      <c r="A253" s="34" t="s">
        <v>629</v>
      </c>
      <c r="B253" s="211">
        <v>45728</v>
      </c>
      <c r="C253" s="19" t="s">
        <v>187</v>
      </c>
      <c r="D253" s="19" t="s">
        <v>188</v>
      </c>
      <c r="E253" s="67">
        <v>35954612</v>
      </c>
      <c r="F253" s="11" t="s">
        <v>630</v>
      </c>
      <c r="G253" s="18">
        <v>1253.73</v>
      </c>
      <c r="H253" s="18">
        <v>1524.09</v>
      </c>
      <c r="I253" s="47" t="s">
        <v>190</v>
      </c>
      <c r="J253" s="6">
        <v>3952024</v>
      </c>
    </row>
    <row r="254" spans="1:10" x14ac:dyDescent="0.25">
      <c r="A254" s="166" t="s">
        <v>631</v>
      </c>
      <c r="B254" s="211">
        <v>45728</v>
      </c>
      <c r="C254" s="19" t="s">
        <v>187</v>
      </c>
      <c r="D254" s="19" t="s">
        <v>188</v>
      </c>
      <c r="E254" s="67">
        <v>35954612</v>
      </c>
      <c r="F254" s="11" t="s">
        <v>632</v>
      </c>
      <c r="G254" s="18">
        <v>1239.78</v>
      </c>
      <c r="H254" s="18">
        <v>1524.93</v>
      </c>
      <c r="I254" s="47" t="s">
        <v>190</v>
      </c>
      <c r="J254" s="6">
        <v>3952024</v>
      </c>
    </row>
    <row r="255" spans="1:10" x14ac:dyDescent="0.25">
      <c r="A255" s="34" t="s">
        <v>633</v>
      </c>
      <c r="B255" s="211">
        <v>45728</v>
      </c>
      <c r="C255" s="19" t="s">
        <v>187</v>
      </c>
      <c r="D255" s="19" t="s">
        <v>188</v>
      </c>
      <c r="E255" s="67">
        <v>35954612</v>
      </c>
      <c r="F255" s="19" t="s">
        <v>634</v>
      </c>
      <c r="G255" s="18">
        <v>1270.6500000000001</v>
      </c>
      <c r="H255" s="18">
        <v>1562.9</v>
      </c>
      <c r="I255" s="54" t="s">
        <v>190</v>
      </c>
      <c r="J255" s="23">
        <v>3952024</v>
      </c>
    </row>
    <row r="256" spans="1:10" x14ac:dyDescent="0.25">
      <c r="A256" s="34" t="s">
        <v>635</v>
      </c>
      <c r="B256" s="211">
        <v>45728</v>
      </c>
      <c r="C256" s="19" t="s">
        <v>187</v>
      </c>
      <c r="D256" s="19" t="s">
        <v>188</v>
      </c>
      <c r="E256" s="67">
        <v>35954612</v>
      </c>
      <c r="F256" s="11" t="s">
        <v>636</v>
      </c>
      <c r="G256" s="18">
        <v>1253.52</v>
      </c>
      <c r="H256" s="18">
        <v>1541.83</v>
      </c>
      <c r="I256" s="47" t="s">
        <v>190</v>
      </c>
      <c r="J256" s="6">
        <v>3952024</v>
      </c>
    </row>
    <row r="257" spans="1:10" x14ac:dyDescent="0.25">
      <c r="A257" s="166" t="s">
        <v>637</v>
      </c>
      <c r="B257" s="211">
        <v>45728</v>
      </c>
      <c r="C257" s="19" t="s">
        <v>187</v>
      </c>
      <c r="D257" s="19" t="s">
        <v>188</v>
      </c>
      <c r="E257" s="67">
        <v>35954612</v>
      </c>
      <c r="F257" s="11" t="s">
        <v>638</v>
      </c>
      <c r="G257" s="18">
        <v>1231.68</v>
      </c>
      <c r="H257" s="18">
        <v>1514.97</v>
      </c>
      <c r="I257" s="47" t="s">
        <v>190</v>
      </c>
      <c r="J257" s="6">
        <v>3952024</v>
      </c>
    </row>
    <row r="258" spans="1:10" x14ac:dyDescent="0.25">
      <c r="A258" s="34" t="s">
        <v>639</v>
      </c>
      <c r="B258" s="211">
        <v>45728</v>
      </c>
      <c r="C258" s="19" t="s">
        <v>187</v>
      </c>
      <c r="D258" s="19" t="s">
        <v>188</v>
      </c>
      <c r="E258" s="67">
        <v>35954612</v>
      </c>
      <c r="F258" s="11" t="s">
        <v>640</v>
      </c>
      <c r="G258" s="18">
        <v>1284.1300000000001</v>
      </c>
      <c r="H258" s="18">
        <v>1579.48</v>
      </c>
      <c r="I258" s="47" t="s">
        <v>190</v>
      </c>
      <c r="J258" s="6">
        <v>3952024</v>
      </c>
    </row>
    <row r="259" spans="1:10" x14ac:dyDescent="0.25">
      <c r="A259" s="34" t="s">
        <v>641</v>
      </c>
      <c r="B259" s="211">
        <v>45728</v>
      </c>
      <c r="C259" s="19" t="s">
        <v>187</v>
      </c>
      <c r="D259" s="19" t="s">
        <v>188</v>
      </c>
      <c r="E259" s="67">
        <v>35954612</v>
      </c>
      <c r="F259" s="6" t="s">
        <v>642</v>
      </c>
      <c r="G259" s="18">
        <v>7570.29</v>
      </c>
      <c r="H259" s="18">
        <v>9311.4599999999991</v>
      </c>
      <c r="I259" s="49" t="s">
        <v>190</v>
      </c>
      <c r="J259" s="6">
        <v>3952024</v>
      </c>
    </row>
    <row r="260" spans="1:10" x14ac:dyDescent="0.25">
      <c r="A260" s="166" t="s">
        <v>643</v>
      </c>
      <c r="B260" s="211">
        <v>45728</v>
      </c>
      <c r="C260" s="19" t="s">
        <v>187</v>
      </c>
      <c r="D260" s="19" t="s">
        <v>188</v>
      </c>
      <c r="E260" s="67">
        <v>35954612</v>
      </c>
      <c r="F260" s="19" t="s">
        <v>644</v>
      </c>
      <c r="G260" s="18">
        <v>7520</v>
      </c>
      <c r="H260" s="18">
        <v>9249.6</v>
      </c>
      <c r="I260" s="47" t="s">
        <v>223</v>
      </c>
      <c r="J260" s="6">
        <v>3912024</v>
      </c>
    </row>
    <row r="261" spans="1:10" x14ac:dyDescent="0.25">
      <c r="A261" s="34" t="s">
        <v>645</v>
      </c>
      <c r="B261" s="211">
        <v>45728</v>
      </c>
      <c r="C261" s="19" t="s">
        <v>187</v>
      </c>
      <c r="D261" s="19" t="s">
        <v>188</v>
      </c>
      <c r="E261" s="67">
        <v>35954612</v>
      </c>
      <c r="F261" s="19" t="s">
        <v>646</v>
      </c>
      <c r="G261" s="18">
        <v>6560</v>
      </c>
      <c r="H261" s="18">
        <v>8068.8</v>
      </c>
      <c r="I261" s="47" t="s">
        <v>223</v>
      </c>
      <c r="J261" s="6">
        <v>3912024</v>
      </c>
    </row>
    <row r="262" spans="1:10" x14ac:dyDescent="0.25">
      <c r="A262" s="34" t="s">
        <v>647</v>
      </c>
      <c r="B262" s="211">
        <v>45728</v>
      </c>
      <c r="C262" s="19" t="s">
        <v>187</v>
      </c>
      <c r="D262" s="19" t="s">
        <v>188</v>
      </c>
      <c r="E262" s="67">
        <v>35954612</v>
      </c>
      <c r="F262" s="19" t="s">
        <v>648</v>
      </c>
      <c r="G262" s="18">
        <v>6510</v>
      </c>
      <c r="H262" s="18">
        <v>8007.3</v>
      </c>
      <c r="I262" s="47" t="s">
        <v>223</v>
      </c>
      <c r="J262" s="6">
        <v>3912024</v>
      </c>
    </row>
    <row r="263" spans="1:10" x14ac:dyDescent="0.25">
      <c r="A263" s="166" t="s">
        <v>649</v>
      </c>
      <c r="B263" s="211">
        <v>45728</v>
      </c>
      <c r="C263" s="19" t="s">
        <v>187</v>
      </c>
      <c r="D263" s="19" t="s">
        <v>188</v>
      </c>
      <c r="E263" s="67">
        <v>35954612</v>
      </c>
      <c r="F263" s="19" t="s">
        <v>650</v>
      </c>
      <c r="G263" s="18">
        <v>7220</v>
      </c>
      <c r="H263" s="18">
        <v>8880.6</v>
      </c>
      <c r="I263" s="47" t="s">
        <v>223</v>
      </c>
      <c r="J263" s="6">
        <v>3912024</v>
      </c>
    </row>
    <row r="264" spans="1:10" x14ac:dyDescent="0.25">
      <c r="A264" s="34" t="s">
        <v>651</v>
      </c>
      <c r="B264" s="211">
        <v>45728</v>
      </c>
      <c r="C264" s="19" t="s">
        <v>187</v>
      </c>
      <c r="D264" s="19" t="s">
        <v>188</v>
      </c>
      <c r="E264" s="67">
        <v>35954612</v>
      </c>
      <c r="F264" s="19" t="s">
        <v>652</v>
      </c>
      <c r="G264" s="18">
        <v>6970</v>
      </c>
      <c r="H264" s="18">
        <v>8573.1</v>
      </c>
      <c r="I264" s="47" t="s">
        <v>223</v>
      </c>
      <c r="J264" s="6">
        <v>3912024</v>
      </c>
    </row>
    <row r="265" spans="1:10" x14ac:dyDescent="0.25">
      <c r="A265" s="34" t="s">
        <v>653</v>
      </c>
      <c r="B265" s="211">
        <v>45728</v>
      </c>
      <c r="C265" s="19" t="s">
        <v>187</v>
      </c>
      <c r="D265" s="19" t="s">
        <v>188</v>
      </c>
      <c r="E265" s="67">
        <v>35954612</v>
      </c>
      <c r="F265" s="19" t="s">
        <v>654</v>
      </c>
      <c r="G265" s="18">
        <v>5170</v>
      </c>
      <c r="H265" s="18">
        <v>6359.1</v>
      </c>
      <c r="I265" s="47" t="s">
        <v>223</v>
      </c>
      <c r="J265" s="6">
        <v>3912024</v>
      </c>
    </row>
    <row r="266" spans="1:10" x14ac:dyDescent="0.25">
      <c r="A266" s="166" t="s">
        <v>655</v>
      </c>
      <c r="B266" s="211">
        <v>45728</v>
      </c>
      <c r="C266" s="19" t="s">
        <v>187</v>
      </c>
      <c r="D266" s="19" t="s">
        <v>188</v>
      </c>
      <c r="E266" s="67">
        <v>35954612</v>
      </c>
      <c r="F266" s="19" t="s">
        <v>656</v>
      </c>
      <c r="G266" s="18">
        <v>6160</v>
      </c>
      <c r="H266" s="18">
        <v>7576.8</v>
      </c>
      <c r="I266" s="47" t="s">
        <v>223</v>
      </c>
      <c r="J266" s="6">
        <v>3912024</v>
      </c>
    </row>
    <row r="267" spans="1:10" x14ac:dyDescent="0.25">
      <c r="A267" s="34" t="s">
        <v>657</v>
      </c>
      <c r="B267" s="211">
        <v>45728</v>
      </c>
      <c r="C267" s="19" t="s">
        <v>187</v>
      </c>
      <c r="D267" s="19" t="s">
        <v>188</v>
      </c>
      <c r="E267" s="67">
        <v>35954612</v>
      </c>
      <c r="F267" s="19" t="s">
        <v>658</v>
      </c>
      <c r="G267" s="18">
        <v>28560</v>
      </c>
      <c r="H267" s="18">
        <v>35128.800000000003</v>
      </c>
      <c r="I267" s="47" t="s">
        <v>223</v>
      </c>
      <c r="J267" s="6">
        <v>3912024</v>
      </c>
    </row>
    <row r="268" spans="1:10" x14ac:dyDescent="0.25">
      <c r="A268" s="34" t="s">
        <v>659</v>
      </c>
      <c r="B268" s="211">
        <v>45728</v>
      </c>
      <c r="C268" s="19" t="s">
        <v>187</v>
      </c>
      <c r="D268" s="19" t="s">
        <v>188</v>
      </c>
      <c r="E268" s="67">
        <v>35954612</v>
      </c>
      <c r="F268" s="19" t="s">
        <v>660</v>
      </c>
      <c r="G268" s="18">
        <v>13840</v>
      </c>
      <c r="H268" s="18">
        <v>17023.2</v>
      </c>
      <c r="I268" s="47" t="s">
        <v>223</v>
      </c>
      <c r="J268" s="6">
        <v>3912024</v>
      </c>
    </row>
    <row r="269" spans="1:10" x14ac:dyDescent="0.25">
      <c r="A269" s="34" t="s">
        <v>661</v>
      </c>
      <c r="B269" s="211">
        <v>45728</v>
      </c>
      <c r="C269" s="6" t="s">
        <v>155</v>
      </c>
      <c r="D269" s="6" t="s">
        <v>156</v>
      </c>
      <c r="E269" s="64">
        <v>36687938</v>
      </c>
      <c r="F269" s="6" t="s">
        <v>662</v>
      </c>
      <c r="G269" s="18">
        <v>308.68</v>
      </c>
      <c r="H269" s="18">
        <v>367.33</v>
      </c>
      <c r="I269" s="49" t="s">
        <v>158</v>
      </c>
      <c r="J269" s="11"/>
    </row>
    <row r="270" spans="1:10" x14ac:dyDescent="0.25">
      <c r="A270" s="34" t="s">
        <v>663</v>
      </c>
      <c r="B270" s="211">
        <v>45728</v>
      </c>
      <c r="C270" s="6" t="s">
        <v>155</v>
      </c>
      <c r="D270" s="6" t="s">
        <v>156</v>
      </c>
      <c r="E270" s="64">
        <v>36687938</v>
      </c>
      <c r="F270" s="6" t="s">
        <v>664</v>
      </c>
      <c r="G270" s="18">
        <v>50.25</v>
      </c>
      <c r="H270" s="18">
        <v>59.8</v>
      </c>
      <c r="I270" s="49" t="s">
        <v>158</v>
      </c>
      <c r="J270" s="11"/>
    </row>
    <row r="271" spans="1:10" x14ac:dyDescent="0.25">
      <c r="A271" s="166" t="s">
        <v>665</v>
      </c>
      <c r="B271" s="211">
        <v>45729</v>
      </c>
      <c r="C271" s="19" t="s">
        <v>187</v>
      </c>
      <c r="D271" s="19" t="s">
        <v>188</v>
      </c>
      <c r="E271" s="67">
        <v>35954612</v>
      </c>
      <c r="F271" s="11" t="s">
        <v>666</v>
      </c>
      <c r="G271" s="18">
        <v>1241.08</v>
      </c>
      <c r="H271" s="18">
        <v>1526.53</v>
      </c>
      <c r="I271" s="47" t="s">
        <v>190</v>
      </c>
      <c r="J271" s="6">
        <v>3952024</v>
      </c>
    </row>
    <row r="272" spans="1:10" x14ac:dyDescent="0.25">
      <c r="A272" s="34" t="s">
        <v>667</v>
      </c>
      <c r="B272" s="211">
        <v>45730</v>
      </c>
      <c r="C272" s="10" t="s">
        <v>668</v>
      </c>
      <c r="D272" s="16" t="s">
        <v>669</v>
      </c>
      <c r="E272" s="65">
        <v>42137004</v>
      </c>
      <c r="F272" s="16" t="s">
        <v>670</v>
      </c>
      <c r="G272" s="318">
        <v>300</v>
      </c>
      <c r="H272" s="318">
        <v>300</v>
      </c>
      <c r="I272" s="22"/>
      <c r="J272" s="11">
        <v>542025</v>
      </c>
    </row>
    <row r="273" spans="1:10" x14ac:dyDescent="0.25">
      <c r="A273" s="34" t="s">
        <v>671</v>
      </c>
      <c r="B273" s="211">
        <v>45730</v>
      </c>
      <c r="C273" s="10" t="s">
        <v>672</v>
      </c>
      <c r="D273" s="10" t="s">
        <v>673</v>
      </c>
      <c r="E273" s="63">
        <v>42182158</v>
      </c>
      <c r="F273" s="10" t="s">
        <v>674</v>
      </c>
      <c r="G273" s="318">
        <v>79</v>
      </c>
      <c r="H273" s="63">
        <v>97.17</v>
      </c>
      <c r="I273" s="22"/>
      <c r="J273" s="11">
        <v>602025</v>
      </c>
    </row>
    <row r="274" spans="1:10" x14ac:dyDescent="0.25">
      <c r="A274" s="166" t="s">
        <v>675</v>
      </c>
      <c r="B274" s="211">
        <v>45733</v>
      </c>
      <c r="C274" s="11" t="s">
        <v>134</v>
      </c>
      <c r="D274" s="23" t="s">
        <v>135</v>
      </c>
      <c r="E274" s="73">
        <v>35889063</v>
      </c>
      <c r="F274" s="23" t="s">
        <v>676</v>
      </c>
      <c r="G274" s="18">
        <v>18.760000000000002</v>
      </c>
      <c r="H274" s="18">
        <v>22.32</v>
      </c>
      <c r="I274" s="47" t="s">
        <v>137</v>
      </c>
      <c r="J274" s="11"/>
    </row>
    <row r="275" spans="1:10" x14ac:dyDescent="0.25">
      <c r="A275" s="34" t="s">
        <v>677</v>
      </c>
      <c r="B275" s="211">
        <v>45733</v>
      </c>
      <c r="C275" s="11" t="s">
        <v>15</v>
      </c>
      <c r="D275" s="16" t="s">
        <v>16</v>
      </c>
      <c r="E275" s="65">
        <v>35722533</v>
      </c>
      <c r="F275" s="16" t="s">
        <v>678</v>
      </c>
      <c r="G275" s="18">
        <v>3526</v>
      </c>
      <c r="H275" s="18">
        <v>4336.9799999999996</v>
      </c>
      <c r="I275" s="47" t="s">
        <v>18</v>
      </c>
      <c r="J275" s="11"/>
    </row>
    <row r="276" spans="1:10" x14ac:dyDescent="0.25">
      <c r="A276" s="34" t="s">
        <v>679</v>
      </c>
      <c r="B276" s="211">
        <v>45733</v>
      </c>
      <c r="C276" s="6" t="s">
        <v>680</v>
      </c>
      <c r="D276" s="6" t="s">
        <v>681</v>
      </c>
      <c r="E276" s="64">
        <v>36679879</v>
      </c>
      <c r="F276" s="6" t="s">
        <v>682</v>
      </c>
      <c r="G276" s="8">
        <v>720</v>
      </c>
      <c r="H276" s="8">
        <v>165</v>
      </c>
      <c r="I276" s="49"/>
      <c r="J276" s="11">
        <v>1542024</v>
      </c>
    </row>
    <row r="277" spans="1:10" x14ac:dyDescent="0.25">
      <c r="A277" s="166" t="s">
        <v>683</v>
      </c>
      <c r="B277" s="211">
        <v>45733</v>
      </c>
      <c r="C277" s="11" t="s">
        <v>684</v>
      </c>
      <c r="D277" s="11" t="s">
        <v>685</v>
      </c>
      <c r="E277" s="63">
        <v>35908467</v>
      </c>
      <c r="F277" s="11" t="s">
        <v>686</v>
      </c>
      <c r="G277" s="63">
        <v>13052.54</v>
      </c>
      <c r="H277" s="12">
        <v>14046.5</v>
      </c>
      <c r="I277" s="47"/>
      <c r="J277" s="11">
        <v>632025</v>
      </c>
    </row>
    <row r="278" spans="1:10" x14ac:dyDescent="0.25">
      <c r="A278" s="34" t="s">
        <v>687</v>
      </c>
      <c r="B278" s="211">
        <v>45734</v>
      </c>
      <c r="C278" s="10" t="s">
        <v>139</v>
      </c>
      <c r="D278" s="10" t="s">
        <v>140</v>
      </c>
      <c r="E278" s="63">
        <v>47235713</v>
      </c>
      <c r="F278" s="10" t="s">
        <v>688</v>
      </c>
      <c r="G278" s="18">
        <v>1031.8499999999999</v>
      </c>
      <c r="H278" s="18">
        <v>1227.9000000000001</v>
      </c>
      <c r="I278" s="22" t="s">
        <v>142</v>
      </c>
      <c r="J278" s="11"/>
    </row>
    <row r="279" spans="1:10" x14ac:dyDescent="0.25">
      <c r="A279" s="166" t="s">
        <v>689</v>
      </c>
      <c r="B279" s="211">
        <v>45734</v>
      </c>
      <c r="C279" s="10" t="s">
        <v>171</v>
      </c>
      <c r="D279" s="10" t="s">
        <v>266</v>
      </c>
      <c r="E279" s="63">
        <v>52599515</v>
      </c>
      <c r="F279" s="10" t="s">
        <v>690</v>
      </c>
      <c r="G279" s="18">
        <v>1552.55</v>
      </c>
      <c r="H279" s="18">
        <v>1849.39</v>
      </c>
      <c r="I279" s="47" t="s">
        <v>173</v>
      </c>
      <c r="J279" s="11"/>
    </row>
    <row r="280" spans="1:10" x14ac:dyDescent="0.25">
      <c r="A280" s="34" t="s">
        <v>691</v>
      </c>
      <c r="B280" s="211">
        <v>45734</v>
      </c>
      <c r="C280" s="6" t="s">
        <v>302</v>
      </c>
      <c r="D280" s="6" t="s">
        <v>303</v>
      </c>
      <c r="E280" s="64">
        <v>42156424</v>
      </c>
      <c r="F280" s="6" t="s">
        <v>692</v>
      </c>
      <c r="G280" s="18">
        <v>8892.4500000000007</v>
      </c>
      <c r="H280" s="18">
        <v>10937.71</v>
      </c>
      <c r="I280" s="49" t="s">
        <v>305</v>
      </c>
      <c r="J280" s="11"/>
    </row>
    <row r="281" spans="1:10" x14ac:dyDescent="0.25">
      <c r="A281" s="34" t="s">
        <v>693</v>
      </c>
      <c r="B281" s="211">
        <v>45734</v>
      </c>
      <c r="C281" s="10" t="s">
        <v>694</v>
      </c>
      <c r="D281" s="10" t="s">
        <v>695</v>
      </c>
      <c r="E281" s="63">
        <v>43967663</v>
      </c>
      <c r="F281" s="10" t="s">
        <v>696</v>
      </c>
      <c r="G281" s="63">
        <v>687.09</v>
      </c>
      <c r="H281" s="63">
        <v>845.12</v>
      </c>
      <c r="I281" s="22"/>
      <c r="J281" s="11">
        <v>692025</v>
      </c>
    </row>
    <row r="282" spans="1:10" x14ac:dyDescent="0.25">
      <c r="A282" s="166" t="s">
        <v>697</v>
      </c>
      <c r="B282" s="211">
        <v>45736</v>
      </c>
      <c r="C282" s="23" t="s">
        <v>171</v>
      </c>
      <c r="D282" s="23" t="s">
        <v>266</v>
      </c>
      <c r="E282" s="73">
        <v>52599515</v>
      </c>
      <c r="F282" s="17" t="s">
        <v>698</v>
      </c>
      <c r="G282" s="24">
        <v>2571.4299999999998</v>
      </c>
      <c r="H282" s="24">
        <v>3162.86</v>
      </c>
      <c r="I282" s="48" t="s">
        <v>699</v>
      </c>
      <c r="J282" s="23"/>
    </row>
    <row r="283" spans="1:10" x14ac:dyDescent="0.25">
      <c r="A283" s="34" t="s">
        <v>700</v>
      </c>
      <c r="B283" s="211">
        <v>45736</v>
      </c>
      <c r="C283" s="11" t="s">
        <v>122</v>
      </c>
      <c r="D283" s="6" t="s">
        <v>123</v>
      </c>
      <c r="E283" s="64">
        <v>46921931</v>
      </c>
      <c r="F283" s="11" t="s">
        <v>701</v>
      </c>
      <c r="G283" s="18">
        <v>23678.89</v>
      </c>
      <c r="H283" s="18">
        <v>25251.79</v>
      </c>
      <c r="I283" s="49" t="s">
        <v>125</v>
      </c>
      <c r="J283" s="6"/>
    </row>
    <row r="284" spans="1:10" x14ac:dyDescent="0.25">
      <c r="A284" s="34" t="s">
        <v>702</v>
      </c>
      <c r="B284" s="211">
        <v>45740</v>
      </c>
      <c r="C284" s="11" t="s">
        <v>389</v>
      </c>
      <c r="D284" s="11" t="s">
        <v>390</v>
      </c>
      <c r="E284" s="63">
        <v>35900831</v>
      </c>
      <c r="F284" s="11" t="s">
        <v>703</v>
      </c>
      <c r="G284" s="18">
        <v>78.86</v>
      </c>
      <c r="H284" s="18">
        <v>97</v>
      </c>
      <c r="I284" s="47"/>
      <c r="J284" s="11">
        <v>212025</v>
      </c>
    </row>
    <row r="285" spans="1:10" x14ac:dyDescent="0.25">
      <c r="A285" s="43" t="s">
        <v>704</v>
      </c>
      <c r="B285" s="211">
        <v>45737</v>
      </c>
      <c r="C285" s="19" t="s">
        <v>127</v>
      </c>
      <c r="D285" s="23" t="s">
        <v>128</v>
      </c>
      <c r="E285" s="66">
        <v>36795135</v>
      </c>
      <c r="F285" s="23" t="s">
        <v>705</v>
      </c>
      <c r="G285" s="18">
        <v>350</v>
      </c>
      <c r="H285" s="18">
        <v>430.5</v>
      </c>
      <c r="I285" s="48"/>
      <c r="J285" s="23">
        <v>772025</v>
      </c>
    </row>
    <row r="286" spans="1:10" x14ac:dyDescent="0.25">
      <c r="A286" s="34" t="s">
        <v>706</v>
      </c>
      <c r="B286" s="211">
        <v>45740</v>
      </c>
      <c r="C286" s="11" t="s">
        <v>707</v>
      </c>
      <c r="D286" s="11" t="s">
        <v>31</v>
      </c>
      <c r="E286" s="76">
        <v>36287229</v>
      </c>
      <c r="F286" s="11" t="s">
        <v>708</v>
      </c>
      <c r="G286" s="12">
        <v>201.63</v>
      </c>
      <c r="H286" s="12">
        <v>248</v>
      </c>
      <c r="I286" s="47"/>
      <c r="J286" s="11">
        <v>802025</v>
      </c>
    </row>
    <row r="287" spans="1:10" x14ac:dyDescent="0.25">
      <c r="A287" s="34" t="s">
        <v>709</v>
      </c>
      <c r="B287" s="211">
        <v>45740</v>
      </c>
      <c r="C287" s="6" t="s">
        <v>110</v>
      </c>
      <c r="D287" s="6" t="s">
        <v>111</v>
      </c>
      <c r="E287" s="64">
        <v>35849436</v>
      </c>
      <c r="F287" s="6" t="s">
        <v>710</v>
      </c>
      <c r="G287" s="8">
        <v>450.97</v>
      </c>
      <c r="H287" s="8">
        <v>554.70000000000005</v>
      </c>
      <c r="I287" s="49"/>
      <c r="J287" s="6">
        <v>752025</v>
      </c>
    </row>
    <row r="288" spans="1:10" x14ac:dyDescent="0.25">
      <c r="A288" s="43" t="s">
        <v>711</v>
      </c>
      <c r="B288" s="211">
        <v>45740</v>
      </c>
      <c r="C288" s="10" t="s">
        <v>712</v>
      </c>
      <c r="D288" s="10" t="s">
        <v>713</v>
      </c>
      <c r="E288" s="63">
        <v>36029076</v>
      </c>
      <c r="F288" s="10" t="s">
        <v>714</v>
      </c>
      <c r="G288" s="12">
        <v>3600</v>
      </c>
      <c r="H288" s="12">
        <v>4428</v>
      </c>
      <c r="I288" s="11"/>
      <c r="J288" s="11">
        <v>592025</v>
      </c>
    </row>
    <row r="289" spans="1:10" x14ac:dyDescent="0.25">
      <c r="A289" s="10" t="s">
        <v>715</v>
      </c>
      <c r="B289" s="211">
        <v>45740</v>
      </c>
      <c r="C289" s="10" t="s">
        <v>716</v>
      </c>
      <c r="D289" s="10" t="s">
        <v>717</v>
      </c>
      <c r="E289" s="63">
        <v>36752070</v>
      </c>
      <c r="F289" s="10" t="s">
        <v>718</v>
      </c>
      <c r="G289" s="12">
        <v>30569.200000000001</v>
      </c>
      <c r="H289" s="12">
        <v>37600.120000000003</v>
      </c>
      <c r="I289" s="11"/>
      <c r="J289" s="11">
        <v>722025</v>
      </c>
    </row>
    <row r="290" spans="1:10" x14ac:dyDescent="0.25">
      <c r="A290" s="10" t="s">
        <v>719</v>
      </c>
      <c r="B290" s="211">
        <v>45740</v>
      </c>
      <c r="C290" s="11" t="s">
        <v>720</v>
      </c>
      <c r="D290" s="23" t="s">
        <v>721</v>
      </c>
      <c r="E290" s="66">
        <v>30223288</v>
      </c>
      <c r="F290" s="23" t="s">
        <v>722</v>
      </c>
      <c r="G290" s="12">
        <v>15720.96</v>
      </c>
      <c r="H290" s="12">
        <v>19336.78</v>
      </c>
      <c r="I290" s="25" t="s">
        <v>723</v>
      </c>
      <c r="J290" s="11">
        <v>332025</v>
      </c>
    </row>
    <row r="291" spans="1:10" x14ac:dyDescent="0.25">
      <c r="A291" s="43" t="s">
        <v>724</v>
      </c>
      <c r="B291" s="211">
        <v>45741</v>
      </c>
      <c r="C291" s="10" t="s">
        <v>725</v>
      </c>
      <c r="D291" s="10" t="s">
        <v>726</v>
      </c>
      <c r="E291" s="63">
        <v>37590286</v>
      </c>
      <c r="F291" s="10" t="s">
        <v>727</v>
      </c>
      <c r="G291" s="12">
        <v>1000</v>
      </c>
      <c r="H291" s="12">
        <v>1000</v>
      </c>
      <c r="I291" s="11"/>
      <c r="J291" s="11">
        <v>812025</v>
      </c>
    </row>
    <row r="292" spans="1:10" x14ac:dyDescent="0.25">
      <c r="A292" s="10" t="s">
        <v>728</v>
      </c>
      <c r="B292" s="211">
        <v>45733</v>
      </c>
      <c r="C292" s="10" t="s">
        <v>729</v>
      </c>
      <c r="D292" s="10" t="s">
        <v>730</v>
      </c>
      <c r="E292" s="63">
        <v>31396623</v>
      </c>
      <c r="F292" s="10" t="s">
        <v>731</v>
      </c>
      <c r="G292" s="12">
        <v>4993.8</v>
      </c>
      <c r="H292" s="12">
        <v>6142.37</v>
      </c>
      <c r="I292" s="11"/>
      <c r="J292" s="11">
        <v>682025</v>
      </c>
    </row>
    <row r="293" spans="1:10" x14ac:dyDescent="0.25">
      <c r="A293" s="10" t="s">
        <v>732</v>
      </c>
      <c r="B293" s="211">
        <v>45741</v>
      </c>
      <c r="C293" s="10" t="s">
        <v>733</v>
      </c>
      <c r="D293" s="10" t="s">
        <v>734</v>
      </c>
      <c r="E293" s="63">
        <v>17320712</v>
      </c>
      <c r="F293" s="44" t="s">
        <v>735</v>
      </c>
      <c r="G293" s="319">
        <v>2137.61</v>
      </c>
      <c r="H293" s="45" t="s">
        <v>736</v>
      </c>
      <c r="I293" s="9"/>
      <c r="J293" s="11"/>
    </row>
    <row r="294" spans="1:10" x14ac:dyDescent="0.25">
      <c r="A294" s="43" t="s">
        <v>738</v>
      </c>
      <c r="B294" s="211">
        <v>45741</v>
      </c>
      <c r="C294" s="10" t="s">
        <v>733</v>
      </c>
      <c r="D294" s="10" t="s">
        <v>734</v>
      </c>
      <c r="E294" s="63">
        <v>17320712</v>
      </c>
      <c r="F294" s="44" t="s">
        <v>739</v>
      </c>
      <c r="G294" s="12">
        <v>1243.06</v>
      </c>
      <c r="H294" s="45" t="s">
        <v>740</v>
      </c>
      <c r="I294" s="11"/>
      <c r="J294" s="11"/>
    </row>
    <row r="295" spans="1:10" x14ac:dyDescent="0.25">
      <c r="A295" s="10" t="s">
        <v>741</v>
      </c>
      <c r="B295" s="211">
        <v>45741</v>
      </c>
      <c r="C295" s="11" t="s">
        <v>431</v>
      </c>
      <c r="D295" s="6" t="s">
        <v>489</v>
      </c>
      <c r="E295" s="64">
        <v>47139200</v>
      </c>
      <c r="F295" s="11" t="s">
        <v>742</v>
      </c>
      <c r="G295" s="18">
        <v>95.12</v>
      </c>
      <c r="H295" s="18">
        <v>117</v>
      </c>
      <c r="I295" s="13"/>
      <c r="J295" s="11">
        <v>372025</v>
      </c>
    </row>
    <row r="296" spans="1:10" x14ac:dyDescent="0.25">
      <c r="A296" s="10" t="s">
        <v>743</v>
      </c>
      <c r="B296" s="211">
        <v>45742</v>
      </c>
      <c r="C296" s="11" t="s">
        <v>389</v>
      </c>
      <c r="D296" s="11" t="s">
        <v>390</v>
      </c>
      <c r="E296" s="63">
        <v>35900831</v>
      </c>
      <c r="F296" s="11" t="s">
        <v>744</v>
      </c>
      <c r="G296" s="18">
        <v>96.75</v>
      </c>
      <c r="H296" s="18">
        <v>119</v>
      </c>
      <c r="I296" s="13"/>
      <c r="J296" s="11">
        <v>572025</v>
      </c>
    </row>
    <row r="297" spans="1:10" x14ac:dyDescent="0.25">
      <c r="A297" s="43" t="s">
        <v>745</v>
      </c>
      <c r="B297" s="211">
        <v>45748</v>
      </c>
      <c r="C297" s="11" t="s">
        <v>720</v>
      </c>
      <c r="D297" s="23" t="s">
        <v>721</v>
      </c>
      <c r="E297" s="66">
        <v>30223288</v>
      </c>
      <c r="F297" s="10" t="s">
        <v>746</v>
      </c>
      <c r="G297" s="12">
        <v>393.6</v>
      </c>
      <c r="H297" s="12">
        <v>484.13</v>
      </c>
      <c r="I297" s="11"/>
      <c r="J297" s="11">
        <v>502025</v>
      </c>
    </row>
    <row r="298" spans="1:10" x14ac:dyDescent="0.25">
      <c r="A298" s="10" t="s">
        <v>747</v>
      </c>
      <c r="B298" s="211">
        <v>45748</v>
      </c>
      <c r="C298" s="11" t="s">
        <v>720</v>
      </c>
      <c r="D298" s="23" t="s">
        <v>721</v>
      </c>
      <c r="E298" s="66">
        <v>30223288</v>
      </c>
      <c r="F298" s="10" t="s">
        <v>748</v>
      </c>
      <c r="G298" s="12">
        <v>8485.44</v>
      </c>
      <c r="H298" s="12">
        <v>10437.09</v>
      </c>
      <c r="I298" s="11" t="s">
        <v>723</v>
      </c>
      <c r="J298" s="11">
        <v>362025</v>
      </c>
    </row>
    <row r="299" spans="1:10" x14ac:dyDescent="0.25">
      <c r="A299" s="10" t="s">
        <v>749</v>
      </c>
      <c r="B299" s="211">
        <v>45747</v>
      </c>
      <c r="C299" s="10" t="s">
        <v>750</v>
      </c>
      <c r="D299" s="10" t="s">
        <v>751</v>
      </c>
      <c r="E299" s="63">
        <v>44360746</v>
      </c>
      <c r="F299" s="10" t="s">
        <v>752</v>
      </c>
      <c r="G299" s="12">
        <v>2410.16</v>
      </c>
      <c r="H299" s="12">
        <v>2822</v>
      </c>
      <c r="I299" s="11"/>
      <c r="J299" s="11">
        <v>822025</v>
      </c>
    </row>
    <row r="300" spans="1:10" x14ac:dyDescent="0.25">
      <c r="A300" s="43" t="s">
        <v>3608</v>
      </c>
      <c r="B300" s="294">
        <v>45748</v>
      </c>
      <c r="C300" s="96" t="s">
        <v>127</v>
      </c>
      <c r="D300" s="6" t="s">
        <v>128</v>
      </c>
      <c r="E300" s="295">
        <v>36795135</v>
      </c>
      <c r="F300" s="6" t="s">
        <v>3611</v>
      </c>
      <c r="G300" s="8">
        <v>7544.26</v>
      </c>
      <c r="H300" s="8">
        <v>7583.59</v>
      </c>
      <c r="I300" s="13" t="s">
        <v>963</v>
      </c>
      <c r="J300" s="6"/>
    </row>
    <row r="301" spans="1:10" x14ac:dyDescent="0.25">
      <c r="A301" s="10" t="s">
        <v>3609</v>
      </c>
      <c r="B301" s="294">
        <v>45748</v>
      </c>
      <c r="C301" s="94" t="s">
        <v>127</v>
      </c>
      <c r="D301" s="23" t="s">
        <v>128</v>
      </c>
      <c r="E301" s="105">
        <v>36795135</v>
      </c>
      <c r="F301" s="10" t="s">
        <v>3612</v>
      </c>
      <c r="G301" s="18">
        <v>2142.4</v>
      </c>
      <c r="H301" s="18">
        <v>2619.73</v>
      </c>
      <c r="I301" s="13" t="s">
        <v>130</v>
      </c>
      <c r="J301" s="23"/>
    </row>
    <row r="302" spans="1:10" x14ac:dyDescent="0.25">
      <c r="A302" s="10" t="s">
        <v>3610</v>
      </c>
      <c r="B302" s="294">
        <v>45748</v>
      </c>
      <c r="C302" s="94" t="s">
        <v>127</v>
      </c>
      <c r="D302" s="23" t="s">
        <v>128</v>
      </c>
      <c r="E302" s="105">
        <v>36795135</v>
      </c>
      <c r="F302" s="10" t="s">
        <v>3613</v>
      </c>
      <c r="G302" s="12">
        <v>1200</v>
      </c>
      <c r="H302" s="12">
        <v>1476</v>
      </c>
      <c r="I302" s="13" t="s">
        <v>968</v>
      </c>
      <c r="J302" s="10"/>
    </row>
    <row r="303" spans="1:10" x14ac:dyDescent="0.25">
      <c r="A303" s="43" t="s">
        <v>753</v>
      </c>
      <c r="B303" s="211">
        <v>45748</v>
      </c>
      <c r="C303" s="23" t="s">
        <v>139</v>
      </c>
      <c r="D303" s="23" t="s">
        <v>140</v>
      </c>
      <c r="E303" s="66">
        <v>47235713</v>
      </c>
      <c r="F303" s="23" t="s">
        <v>754</v>
      </c>
      <c r="G303" s="18">
        <v>5791.05</v>
      </c>
      <c r="H303" s="18">
        <v>7122.99</v>
      </c>
      <c r="I303" s="25" t="s">
        <v>142</v>
      </c>
      <c r="J303" s="23"/>
    </row>
    <row r="304" spans="1:10" x14ac:dyDescent="0.25">
      <c r="A304" s="10" t="s">
        <v>755</v>
      </c>
      <c r="B304" s="211">
        <v>45748</v>
      </c>
      <c r="C304" s="21" t="s">
        <v>139</v>
      </c>
      <c r="D304" s="22" t="s">
        <v>140</v>
      </c>
      <c r="E304" s="63">
        <v>47235713</v>
      </c>
      <c r="F304" s="11" t="s">
        <v>756</v>
      </c>
      <c r="G304" s="18">
        <v>1747.6</v>
      </c>
      <c r="H304" s="18">
        <v>2149.5500000000002</v>
      </c>
      <c r="I304" s="13" t="s">
        <v>142</v>
      </c>
      <c r="J304" s="36"/>
    </row>
    <row r="305" spans="1:10" x14ac:dyDescent="0.25">
      <c r="A305" s="10" t="s">
        <v>757</v>
      </c>
      <c r="B305" s="211">
        <v>45748</v>
      </c>
      <c r="C305" s="23" t="s">
        <v>139</v>
      </c>
      <c r="D305" s="23" t="s">
        <v>140</v>
      </c>
      <c r="E305" s="66">
        <v>47235713</v>
      </c>
      <c r="F305" s="23" t="s">
        <v>758</v>
      </c>
      <c r="G305" s="18">
        <v>22628.57</v>
      </c>
      <c r="H305" s="18">
        <v>27188.81</v>
      </c>
      <c r="I305" s="25" t="s">
        <v>142</v>
      </c>
      <c r="J305" s="23"/>
    </row>
    <row r="306" spans="1:10" x14ac:dyDescent="0.25">
      <c r="A306" s="43" t="s">
        <v>759</v>
      </c>
      <c r="B306" s="211">
        <v>45750</v>
      </c>
      <c r="C306" s="23" t="s">
        <v>63</v>
      </c>
      <c r="D306" s="23" t="s">
        <v>64</v>
      </c>
      <c r="E306" s="66">
        <v>35872900</v>
      </c>
      <c r="F306" t="s">
        <v>760</v>
      </c>
      <c r="G306" s="18">
        <v>1900</v>
      </c>
      <c r="H306" s="18">
        <v>2337</v>
      </c>
      <c r="I306" s="35" t="s">
        <v>66</v>
      </c>
      <c r="J306" s="23">
        <v>202025</v>
      </c>
    </row>
    <row r="307" spans="1:10" x14ac:dyDescent="0.25">
      <c r="A307" s="10" t="s">
        <v>761</v>
      </c>
      <c r="B307" s="211">
        <v>45750</v>
      </c>
      <c r="C307" s="11" t="s">
        <v>148</v>
      </c>
      <c r="D307" s="23" t="s">
        <v>365</v>
      </c>
      <c r="E307" s="66">
        <v>53227514</v>
      </c>
      <c r="F307" s="23" t="s">
        <v>762</v>
      </c>
      <c r="G307" s="18">
        <v>15394</v>
      </c>
      <c r="H307" s="18">
        <v>16624</v>
      </c>
      <c r="I307" s="25" t="s">
        <v>151</v>
      </c>
      <c r="J307" s="23"/>
    </row>
    <row r="308" spans="1:10" x14ac:dyDescent="0.25">
      <c r="A308" s="10" t="s">
        <v>763</v>
      </c>
      <c r="B308" s="211">
        <v>45750</v>
      </c>
      <c r="C308" s="11" t="s">
        <v>148</v>
      </c>
      <c r="D308" s="23" t="s">
        <v>365</v>
      </c>
      <c r="E308" s="66">
        <v>53227514</v>
      </c>
      <c r="F308" s="23" t="s">
        <v>507</v>
      </c>
      <c r="G308" s="18">
        <v>2500</v>
      </c>
      <c r="H308" s="18">
        <v>3075</v>
      </c>
      <c r="I308" s="25" t="s">
        <v>151</v>
      </c>
      <c r="J308" s="23"/>
    </row>
    <row r="309" spans="1:10" x14ac:dyDescent="0.25">
      <c r="A309" s="43" t="s">
        <v>764</v>
      </c>
      <c r="B309" s="211">
        <v>45750</v>
      </c>
      <c r="C309" s="6" t="s">
        <v>164</v>
      </c>
      <c r="D309" s="6" t="s">
        <v>165</v>
      </c>
      <c r="E309" s="70">
        <v>43799485</v>
      </c>
      <c r="F309" s="6" t="s">
        <v>765</v>
      </c>
      <c r="G309" s="18">
        <v>3000</v>
      </c>
      <c r="H309" s="18">
        <v>3670</v>
      </c>
      <c r="I309" s="9" t="s">
        <v>167</v>
      </c>
      <c r="J309" s="6"/>
    </row>
    <row r="310" spans="1:10" x14ac:dyDescent="0.25">
      <c r="A310" s="10" t="s">
        <v>766</v>
      </c>
      <c r="B310" s="211">
        <v>45750</v>
      </c>
      <c r="C310" s="6" t="s">
        <v>164</v>
      </c>
      <c r="D310" s="6" t="s">
        <v>165</v>
      </c>
      <c r="E310" s="64">
        <v>43799485</v>
      </c>
      <c r="F310" s="6" t="s">
        <v>767</v>
      </c>
      <c r="G310" s="18">
        <v>17868.330000000002</v>
      </c>
      <c r="H310" s="18">
        <v>18006.330000000002</v>
      </c>
      <c r="I310" s="9" t="s">
        <v>167</v>
      </c>
      <c r="J310" s="6"/>
    </row>
    <row r="311" spans="1:10" x14ac:dyDescent="0.25">
      <c r="A311" s="10" t="s">
        <v>768</v>
      </c>
      <c r="B311" s="211">
        <v>45749</v>
      </c>
      <c r="C311" s="11" t="s">
        <v>105</v>
      </c>
      <c r="D311" s="23" t="s">
        <v>106</v>
      </c>
      <c r="E311" s="66">
        <v>31327681</v>
      </c>
      <c r="F311" t="s">
        <v>769</v>
      </c>
      <c r="G311" s="18">
        <v>6375.45</v>
      </c>
      <c r="H311" s="18">
        <v>7841.8</v>
      </c>
      <c r="I311" s="13" t="s">
        <v>108</v>
      </c>
      <c r="J311" s="11">
        <v>142025</v>
      </c>
    </row>
    <row r="312" spans="1:10" x14ac:dyDescent="0.25">
      <c r="A312" s="43" t="s">
        <v>3614</v>
      </c>
      <c r="B312" s="294">
        <v>45750</v>
      </c>
      <c r="C312" s="89" t="s">
        <v>25</v>
      </c>
      <c r="D312" s="17" t="s">
        <v>26</v>
      </c>
      <c r="E312" s="107">
        <v>35818565</v>
      </c>
      <c r="F312" s="17" t="s">
        <v>3615</v>
      </c>
      <c r="G312" s="45">
        <v>1095</v>
      </c>
      <c r="H312" s="45">
        <v>1346.85</v>
      </c>
      <c r="I312" s="13" t="s">
        <v>28</v>
      </c>
      <c r="J312" s="17">
        <v>872025</v>
      </c>
    </row>
    <row r="313" spans="1:10" x14ac:dyDescent="0.25">
      <c r="A313" s="10" t="s">
        <v>770</v>
      </c>
      <c r="B313" s="211">
        <v>45750</v>
      </c>
      <c r="C313" s="23" t="s">
        <v>68</v>
      </c>
      <c r="D313" s="23" t="s">
        <v>771</v>
      </c>
      <c r="E313" s="66">
        <v>51906988</v>
      </c>
      <c r="F313" s="23" t="s">
        <v>772</v>
      </c>
      <c r="G313" s="18">
        <v>882.08</v>
      </c>
      <c r="H313" s="18">
        <v>1084.96</v>
      </c>
      <c r="I313" s="25" t="s">
        <v>71</v>
      </c>
      <c r="J313" s="23"/>
    </row>
    <row r="314" spans="1:10" x14ac:dyDescent="0.25">
      <c r="A314" s="10" t="s">
        <v>773</v>
      </c>
      <c r="B314" s="211">
        <v>45750</v>
      </c>
      <c r="C314" s="10" t="s">
        <v>774</v>
      </c>
      <c r="D314" s="10" t="s">
        <v>775</v>
      </c>
      <c r="E314" s="63">
        <v>36857165</v>
      </c>
      <c r="F314" s="10" t="s">
        <v>776</v>
      </c>
      <c r="G314" s="12">
        <v>4.99</v>
      </c>
      <c r="H314" s="12">
        <v>6.14</v>
      </c>
      <c r="I314" s="11" t="s">
        <v>777</v>
      </c>
      <c r="J314" s="11"/>
    </row>
    <row r="315" spans="1:10" x14ac:dyDescent="0.25">
      <c r="A315" s="43" t="s">
        <v>778</v>
      </c>
      <c r="B315" s="211">
        <v>45750</v>
      </c>
      <c r="C315" s="11" t="s">
        <v>81</v>
      </c>
      <c r="D315" s="23" t="s">
        <v>82</v>
      </c>
      <c r="E315" s="66">
        <v>35697270</v>
      </c>
      <c r="F315" s="23" t="s">
        <v>779</v>
      </c>
      <c r="G315" s="18">
        <v>4.08</v>
      </c>
      <c r="H315" s="18">
        <v>5.0199999999999996</v>
      </c>
      <c r="I315" s="25" t="s">
        <v>84</v>
      </c>
      <c r="J315" s="23"/>
    </row>
    <row r="316" spans="1:10" x14ac:dyDescent="0.25">
      <c r="A316" s="10" t="s">
        <v>780</v>
      </c>
      <c r="B316" s="211">
        <v>45751</v>
      </c>
      <c r="C316" s="11" t="s">
        <v>15</v>
      </c>
      <c r="D316" s="16" t="s">
        <v>16</v>
      </c>
      <c r="E316" s="65">
        <v>35722533</v>
      </c>
      <c r="F316" s="16" t="s">
        <v>781</v>
      </c>
      <c r="G316" s="18">
        <v>3526</v>
      </c>
      <c r="H316" s="18">
        <v>4336.9799999999996</v>
      </c>
      <c r="I316" s="13" t="s">
        <v>18</v>
      </c>
      <c r="J316" s="6"/>
    </row>
    <row r="317" spans="1:10" x14ac:dyDescent="0.25">
      <c r="A317" s="10" t="s">
        <v>782</v>
      </c>
      <c r="B317" s="211">
        <v>45751</v>
      </c>
      <c r="C317" s="11" t="s">
        <v>357</v>
      </c>
      <c r="D317" s="6" t="s">
        <v>358</v>
      </c>
      <c r="E317" s="64">
        <v>36250481</v>
      </c>
      <c r="F317" s="11" t="s">
        <v>783</v>
      </c>
      <c r="G317" s="18">
        <v>3500</v>
      </c>
      <c r="H317" s="18">
        <v>4305</v>
      </c>
      <c r="I317" s="13" t="s">
        <v>387</v>
      </c>
      <c r="J317" s="11"/>
    </row>
    <row r="318" spans="1:10" x14ac:dyDescent="0.25">
      <c r="A318" s="43" t="s">
        <v>784</v>
      </c>
      <c r="B318" s="211">
        <v>45751</v>
      </c>
      <c r="C318" s="23" t="s">
        <v>117</v>
      </c>
      <c r="D318" s="23" t="s">
        <v>118</v>
      </c>
      <c r="E318" s="66">
        <v>46380434</v>
      </c>
      <c r="F318" s="23" t="s">
        <v>785</v>
      </c>
      <c r="G318" s="18">
        <v>1045</v>
      </c>
      <c r="H318" s="18">
        <v>1285.3499999999999</v>
      </c>
      <c r="I318" s="25" t="s">
        <v>120</v>
      </c>
      <c r="J318" s="23"/>
    </row>
    <row r="319" spans="1:10" s="283" customFormat="1" x14ac:dyDescent="0.25">
      <c r="A319" s="276" t="s">
        <v>3616</v>
      </c>
      <c r="B319" s="296">
        <v>45750</v>
      </c>
      <c r="C319" s="297" t="s">
        <v>455</v>
      </c>
      <c r="D319" s="278" t="s">
        <v>607</v>
      </c>
      <c r="E319" s="292">
        <v>31609058</v>
      </c>
      <c r="F319" s="278" t="s">
        <v>3627</v>
      </c>
      <c r="G319" s="281">
        <v>720</v>
      </c>
      <c r="H319" s="281">
        <v>885.6</v>
      </c>
      <c r="I319" s="282" t="s">
        <v>458</v>
      </c>
      <c r="J319" s="278"/>
    </row>
    <row r="320" spans="1:10" s="283" customFormat="1" x14ac:dyDescent="0.25">
      <c r="A320" s="276" t="s">
        <v>3617</v>
      </c>
      <c r="B320" s="296">
        <v>45750</v>
      </c>
      <c r="C320" s="286" t="s">
        <v>44</v>
      </c>
      <c r="D320" s="280" t="s">
        <v>45</v>
      </c>
      <c r="E320" s="287">
        <v>35731851</v>
      </c>
      <c r="F320" s="280" t="s">
        <v>3628</v>
      </c>
      <c r="G320" s="281">
        <v>350</v>
      </c>
      <c r="H320" s="281">
        <v>430.5</v>
      </c>
      <c r="I320" s="298" t="s">
        <v>47</v>
      </c>
      <c r="J320" s="280">
        <v>1792024</v>
      </c>
    </row>
    <row r="321" spans="1:10" s="283" customFormat="1" x14ac:dyDescent="0.25">
      <c r="A321" s="299" t="s">
        <v>3618</v>
      </c>
      <c r="B321" s="296">
        <v>45750</v>
      </c>
      <c r="C321" s="286" t="s">
        <v>44</v>
      </c>
      <c r="D321" s="280" t="s">
        <v>45</v>
      </c>
      <c r="E321" s="287">
        <v>35731851</v>
      </c>
      <c r="F321" s="280" t="s">
        <v>3629</v>
      </c>
      <c r="G321" s="281">
        <v>350</v>
      </c>
      <c r="H321" s="281">
        <v>430.5</v>
      </c>
      <c r="I321" s="298" t="s">
        <v>47</v>
      </c>
      <c r="J321" s="280">
        <v>1792024</v>
      </c>
    </row>
    <row r="322" spans="1:10" s="283" customFormat="1" x14ac:dyDescent="0.25">
      <c r="A322" s="276" t="s">
        <v>3619</v>
      </c>
      <c r="B322" s="296">
        <v>45750</v>
      </c>
      <c r="C322" s="286" t="s">
        <v>44</v>
      </c>
      <c r="D322" s="280" t="s">
        <v>45</v>
      </c>
      <c r="E322" s="287">
        <v>35731851</v>
      </c>
      <c r="F322" s="280" t="s">
        <v>3630</v>
      </c>
      <c r="G322" s="281">
        <v>350</v>
      </c>
      <c r="H322" s="281">
        <v>430.5</v>
      </c>
      <c r="I322" s="298" t="s">
        <v>47</v>
      </c>
      <c r="J322" s="280">
        <v>1792024</v>
      </c>
    </row>
    <row r="323" spans="1:10" s="283" customFormat="1" x14ac:dyDescent="0.25">
      <c r="A323" s="276" t="s">
        <v>3620</v>
      </c>
      <c r="B323" s="296">
        <v>45750</v>
      </c>
      <c r="C323" s="286" t="s">
        <v>44</v>
      </c>
      <c r="D323" s="280" t="s">
        <v>45</v>
      </c>
      <c r="E323" s="287">
        <v>35731851</v>
      </c>
      <c r="F323" s="280" t="s">
        <v>3631</v>
      </c>
      <c r="G323" s="281">
        <v>350</v>
      </c>
      <c r="H323" s="281">
        <v>430.5</v>
      </c>
      <c r="I323" s="298" t="s">
        <v>47</v>
      </c>
      <c r="J323" s="280">
        <v>1792024</v>
      </c>
    </row>
    <row r="324" spans="1:10" s="283" customFormat="1" x14ac:dyDescent="0.25">
      <c r="A324" s="299" t="s">
        <v>3621</v>
      </c>
      <c r="B324" s="296">
        <v>45750</v>
      </c>
      <c r="C324" s="286" t="s">
        <v>44</v>
      </c>
      <c r="D324" s="280" t="s">
        <v>45</v>
      </c>
      <c r="E324" s="287">
        <v>35731851</v>
      </c>
      <c r="F324" s="280" t="s">
        <v>3632</v>
      </c>
      <c r="G324" s="281">
        <v>350</v>
      </c>
      <c r="H324" s="281">
        <v>430.5</v>
      </c>
      <c r="I324" s="298" t="s">
        <v>47</v>
      </c>
      <c r="J324" s="280">
        <v>1792024</v>
      </c>
    </row>
    <row r="325" spans="1:10" s="283" customFormat="1" x14ac:dyDescent="0.25">
      <c r="A325" s="276" t="s">
        <v>3622</v>
      </c>
      <c r="B325" s="296">
        <v>45750</v>
      </c>
      <c r="C325" s="286" t="s">
        <v>44</v>
      </c>
      <c r="D325" s="280" t="s">
        <v>45</v>
      </c>
      <c r="E325" s="287">
        <v>35731851</v>
      </c>
      <c r="F325" s="280" t="s">
        <v>3633</v>
      </c>
      <c r="G325" s="281">
        <v>350</v>
      </c>
      <c r="H325" s="281">
        <v>430.5</v>
      </c>
      <c r="I325" s="298" t="s">
        <v>47</v>
      </c>
      <c r="J325" s="280">
        <v>1792024</v>
      </c>
    </row>
    <row r="326" spans="1:10" s="283" customFormat="1" x14ac:dyDescent="0.25">
      <c r="A326" s="276" t="s">
        <v>3623</v>
      </c>
      <c r="B326" s="296">
        <v>45750</v>
      </c>
      <c r="C326" s="286" t="s">
        <v>44</v>
      </c>
      <c r="D326" s="280" t="s">
        <v>45</v>
      </c>
      <c r="E326" s="287">
        <v>35731851</v>
      </c>
      <c r="F326" s="280" t="s">
        <v>3634</v>
      </c>
      <c r="G326" s="281">
        <v>350</v>
      </c>
      <c r="H326" s="281">
        <v>430.5</v>
      </c>
      <c r="I326" s="298" t="s">
        <v>47</v>
      </c>
      <c r="J326" s="280">
        <v>1792024</v>
      </c>
    </row>
    <row r="327" spans="1:10" s="283" customFormat="1" x14ac:dyDescent="0.25">
      <c r="A327" s="299" t="s">
        <v>3624</v>
      </c>
      <c r="B327" s="296">
        <v>45750</v>
      </c>
      <c r="C327" s="286" t="s">
        <v>44</v>
      </c>
      <c r="D327" s="280" t="s">
        <v>45</v>
      </c>
      <c r="E327" s="287">
        <v>35731851</v>
      </c>
      <c r="F327" s="280" t="s">
        <v>3635</v>
      </c>
      <c r="G327" s="281">
        <v>350</v>
      </c>
      <c r="H327" s="281">
        <v>430.5</v>
      </c>
      <c r="I327" s="298" t="s">
        <v>47</v>
      </c>
      <c r="J327" s="280">
        <v>1792024</v>
      </c>
    </row>
    <row r="328" spans="1:10" s="283" customFormat="1" x14ac:dyDescent="0.25">
      <c r="A328" s="276" t="s">
        <v>3625</v>
      </c>
      <c r="B328" s="296">
        <v>45750</v>
      </c>
      <c r="C328" s="297" t="s">
        <v>307</v>
      </c>
      <c r="D328" s="278" t="s">
        <v>308</v>
      </c>
      <c r="E328" s="292">
        <v>26805413</v>
      </c>
      <c r="F328" s="278" t="s">
        <v>309</v>
      </c>
      <c r="G328" s="281">
        <v>207.2</v>
      </c>
      <c r="H328" s="281">
        <v>207.2</v>
      </c>
      <c r="I328" s="300" t="s">
        <v>3636</v>
      </c>
      <c r="J328" s="278">
        <v>882025</v>
      </c>
    </row>
    <row r="329" spans="1:10" s="283" customFormat="1" x14ac:dyDescent="0.25">
      <c r="A329" s="276" t="s">
        <v>3626</v>
      </c>
      <c r="B329" s="296">
        <v>45751</v>
      </c>
      <c r="C329" s="301" t="s">
        <v>95</v>
      </c>
      <c r="D329" s="302" t="s">
        <v>96</v>
      </c>
      <c r="E329" s="303">
        <v>31322832</v>
      </c>
      <c r="F329" s="278" t="s">
        <v>3637</v>
      </c>
      <c r="G329" s="320">
        <v>3745.39</v>
      </c>
      <c r="H329" s="281">
        <v>4606.83</v>
      </c>
      <c r="I329" s="304" t="s">
        <v>98</v>
      </c>
      <c r="J329" s="276"/>
    </row>
    <row r="330" spans="1:10" x14ac:dyDescent="0.25">
      <c r="A330" s="43" t="s">
        <v>786</v>
      </c>
      <c r="B330" s="211">
        <v>45751</v>
      </c>
      <c r="C330" s="95" t="s">
        <v>95</v>
      </c>
      <c r="D330" s="17" t="s">
        <v>96</v>
      </c>
      <c r="E330" s="107">
        <v>31322832</v>
      </c>
      <c r="F330" s="11" t="s">
        <v>787</v>
      </c>
      <c r="G330" s="12">
        <v>710.91</v>
      </c>
      <c r="H330" s="45">
        <v>874.41</v>
      </c>
      <c r="I330" s="62"/>
      <c r="J330" s="11"/>
    </row>
    <row r="331" spans="1:10" x14ac:dyDescent="0.25">
      <c r="A331" s="10" t="s">
        <v>788</v>
      </c>
      <c r="B331" s="211">
        <v>45751</v>
      </c>
      <c r="C331" s="11" t="s">
        <v>81</v>
      </c>
      <c r="D331" s="23" t="s">
        <v>82</v>
      </c>
      <c r="E331" s="66">
        <v>35697270</v>
      </c>
      <c r="F331" s="23" t="s">
        <v>779</v>
      </c>
      <c r="G331" s="18">
        <v>4.08</v>
      </c>
      <c r="H331" s="18">
        <v>5.0199999999999996</v>
      </c>
      <c r="I331" s="25" t="s">
        <v>84</v>
      </c>
      <c r="J331" s="23"/>
    </row>
    <row r="332" spans="1:10" s="283" customFormat="1" x14ac:dyDescent="0.25">
      <c r="A332" s="276" t="s">
        <v>3651</v>
      </c>
      <c r="B332" s="296">
        <v>45751</v>
      </c>
      <c r="C332" s="297" t="s">
        <v>3652</v>
      </c>
      <c r="D332" s="278" t="s">
        <v>3653</v>
      </c>
      <c r="E332" s="292" t="s">
        <v>3654</v>
      </c>
      <c r="F332" s="278" t="s">
        <v>3655</v>
      </c>
      <c r="G332" s="320" t="s">
        <v>3656</v>
      </c>
      <c r="H332" s="320" t="s">
        <v>3656</v>
      </c>
      <c r="I332" s="282"/>
      <c r="J332" s="278">
        <v>892025</v>
      </c>
    </row>
    <row r="333" spans="1:10" s="307" customFormat="1" x14ac:dyDescent="0.25">
      <c r="A333" s="166" t="s">
        <v>3638</v>
      </c>
      <c r="B333" s="305">
        <v>45754</v>
      </c>
      <c r="C333" s="306" t="s">
        <v>1727</v>
      </c>
      <c r="D333" s="17" t="s">
        <v>473</v>
      </c>
      <c r="E333" s="107">
        <v>31567282</v>
      </c>
      <c r="F333" s="17" t="s">
        <v>3639</v>
      </c>
      <c r="G333" s="18">
        <v>34115</v>
      </c>
      <c r="H333" s="18">
        <v>41961.45</v>
      </c>
      <c r="I333" s="62" t="s">
        <v>475</v>
      </c>
      <c r="J333" s="17" t="s">
        <v>3640</v>
      </c>
    </row>
    <row r="334" spans="1:10" s="283" customFormat="1" x14ac:dyDescent="0.25">
      <c r="A334" s="276" t="s">
        <v>789</v>
      </c>
      <c r="B334" s="277">
        <v>45754</v>
      </c>
      <c r="C334" s="278" t="s">
        <v>357</v>
      </c>
      <c r="D334" s="278" t="s">
        <v>358</v>
      </c>
      <c r="E334" s="279">
        <v>36250481</v>
      </c>
      <c r="F334" s="280" t="s">
        <v>790</v>
      </c>
      <c r="G334" s="281">
        <v>33447.5</v>
      </c>
      <c r="H334" s="281">
        <v>41140.43</v>
      </c>
      <c r="I334" s="282" t="s">
        <v>360</v>
      </c>
      <c r="J334" s="278">
        <v>4032024</v>
      </c>
    </row>
    <row r="335" spans="1:10" x14ac:dyDescent="0.25">
      <c r="A335" s="10" t="s">
        <v>791</v>
      </c>
      <c r="B335" s="211">
        <v>45754</v>
      </c>
      <c r="C335" s="23" t="s">
        <v>171</v>
      </c>
      <c r="D335" s="23" t="s">
        <v>172</v>
      </c>
      <c r="E335" s="73">
        <v>35889063</v>
      </c>
      <c r="F335" s="23" t="s">
        <v>792</v>
      </c>
      <c r="G335" s="24">
        <v>226901.61</v>
      </c>
      <c r="H335" s="24">
        <v>334599.71999999997</v>
      </c>
      <c r="I335" s="25" t="s">
        <v>699</v>
      </c>
      <c r="J335" s="23"/>
    </row>
    <row r="336" spans="1:10" x14ac:dyDescent="0.25">
      <c r="A336" s="43" t="s">
        <v>793</v>
      </c>
      <c r="B336" s="211">
        <v>45754</v>
      </c>
      <c r="C336" s="11" t="s">
        <v>182</v>
      </c>
      <c r="D336" s="11" t="s">
        <v>183</v>
      </c>
      <c r="E336" s="63">
        <v>48059528</v>
      </c>
      <c r="F336" s="11" t="s">
        <v>794</v>
      </c>
      <c r="G336" s="18">
        <v>2714.29</v>
      </c>
      <c r="H336" s="18">
        <v>2850</v>
      </c>
      <c r="I336" s="13" t="s">
        <v>185</v>
      </c>
      <c r="J336" s="11"/>
    </row>
    <row r="337" spans="1:10" x14ac:dyDescent="0.25">
      <c r="A337" s="10" t="s">
        <v>795</v>
      </c>
      <c r="B337" s="211">
        <v>45754</v>
      </c>
      <c r="C337" s="11" t="s">
        <v>155</v>
      </c>
      <c r="D337" s="11" t="s">
        <v>156</v>
      </c>
      <c r="E337" s="63">
        <v>36687936</v>
      </c>
      <c r="F337" s="11" t="s">
        <v>796</v>
      </c>
      <c r="G337" s="18">
        <v>19323.099999999999</v>
      </c>
      <c r="H337" s="18">
        <v>19714.099999999999</v>
      </c>
      <c r="I337" s="13" t="s">
        <v>158</v>
      </c>
      <c r="J337" s="11"/>
    </row>
    <row r="338" spans="1:10" x14ac:dyDescent="0.25">
      <c r="A338" s="10" t="s">
        <v>797</v>
      </c>
      <c r="B338" s="211">
        <v>45754</v>
      </c>
      <c r="C338" s="11" t="s">
        <v>155</v>
      </c>
      <c r="D338" s="11" t="s">
        <v>156</v>
      </c>
      <c r="E338" s="63">
        <v>36687936</v>
      </c>
      <c r="F338" s="11" t="s">
        <v>798</v>
      </c>
      <c r="G338" s="18">
        <v>4386</v>
      </c>
      <c r="H338" s="18">
        <v>5394.78</v>
      </c>
      <c r="I338" s="13" t="s">
        <v>158</v>
      </c>
      <c r="J338" s="11"/>
    </row>
    <row r="339" spans="1:10" x14ac:dyDescent="0.25">
      <c r="A339" s="43" t="s">
        <v>799</v>
      </c>
      <c r="B339" s="211">
        <v>45754</v>
      </c>
      <c r="C339" s="11" t="s">
        <v>155</v>
      </c>
      <c r="D339" s="11" t="s">
        <v>156</v>
      </c>
      <c r="E339" s="63">
        <v>36687936</v>
      </c>
      <c r="F339" s="11" t="s">
        <v>800</v>
      </c>
      <c r="G339" s="18">
        <v>2777.8</v>
      </c>
      <c r="H339" s="18">
        <v>3416.69</v>
      </c>
      <c r="I339" s="13" t="s">
        <v>158</v>
      </c>
      <c r="J339" s="11"/>
    </row>
    <row r="340" spans="1:10" x14ac:dyDescent="0.25">
      <c r="A340" s="10" t="s">
        <v>801</v>
      </c>
      <c r="B340" s="211">
        <v>45754</v>
      </c>
      <c r="C340" s="6" t="s">
        <v>155</v>
      </c>
      <c r="D340" s="6" t="s">
        <v>156</v>
      </c>
      <c r="E340" s="64">
        <v>36687938</v>
      </c>
      <c r="F340" s="6" t="s">
        <v>802</v>
      </c>
      <c r="G340" s="18">
        <v>283.93</v>
      </c>
      <c r="H340" s="18">
        <v>337.88</v>
      </c>
      <c r="I340" s="9" t="s">
        <v>158</v>
      </c>
      <c r="J340" s="6"/>
    </row>
    <row r="341" spans="1:10" x14ac:dyDescent="0.25">
      <c r="A341" s="10" t="s">
        <v>803</v>
      </c>
      <c r="B341" s="211">
        <v>45754</v>
      </c>
      <c r="C341" s="6" t="s">
        <v>155</v>
      </c>
      <c r="D341" s="6" t="s">
        <v>156</v>
      </c>
      <c r="E341" s="64">
        <v>36687938</v>
      </c>
      <c r="F341" s="6" t="s">
        <v>804</v>
      </c>
      <c r="G341" s="18">
        <v>15.16</v>
      </c>
      <c r="H341" s="18" t="s">
        <v>805</v>
      </c>
      <c r="I341" s="9" t="s">
        <v>158</v>
      </c>
      <c r="J341" s="6"/>
    </row>
    <row r="342" spans="1:10" x14ac:dyDescent="0.25">
      <c r="A342" s="43" t="s">
        <v>806</v>
      </c>
      <c r="B342" s="211">
        <v>45754</v>
      </c>
      <c r="C342" s="10" t="s">
        <v>807</v>
      </c>
      <c r="D342" s="10" t="s">
        <v>808</v>
      </c>
      <c r="E342" s="63">
        <v>44387407</v>
      </c>
      <c r="F342" s="10" t="s">
        <v>809</v>
      </c>
      <c r="G342" s="12">
        <v>3698.5</v>
      </c>
      <c r="H342" s="12">
        <v>4549.16</v>
      </c>
      <c r="I342" s="11"/>
      <c r="J342" s="11">
        <v>832025</v>
      </c>
    </row>
    <row r="343" spans="1:10" x14ac:dyDescent="0.25">
      <c r="A343" s="10" t="s">
        <v>810</v>
      </c>
      <c r="B343" s="211">
        <v>45755</v>
      </c>
      <c r="C343" s="10" t="s">
        <v>546</v>
      </c>
      <c r="D343" s="10" t="s">
        <v>547</v>
      </c>
      <c r="E343" s="63">
        <v>31402445</v>
      </c>
      <c r="F343" s="10" t="s">
        <v>811</v>
      </c>
      <c r="G343" s="12">
        <v>395</v>
      </c>
      <c r="H343" s="12">
        <v>485.85</v>
      </c>
      <c r="I343" s="11" t="s">
        <v>549</v>
      </c>
      <c r="J343" s="11"/>
    </row>
    <row r="344" spans="1:10" x14ac:dyDescent="0.25">
      <c r="A344" s="10" t="s">
        <v>812</v>
      </c>
      <c r="B344" s="211">
        <v>45754</v>
      </c>
      <c r="C344" s="10" t="s">
        <v>11</v>
      </c>
      <c r="D344" s="10" t="s">
        <v>12</v>
      </c>
      <c r="E344" s="63">
        <v>36302716</v>
      </c>
      <c r="F344" s="10" t="s">
        <v>813</v>
      </c>
      <c r="G344" s="12">
        <v>48</v>
      </c>
      <c r="H344" s="12">
        <v>11.04</v>
      </c>
      <c r="I344" s="11"/>
      <c r="J344" s="11"/>
    </row>
    <row r="345" spans="1:10" x14ac:dyDescent="0.25">
      <c r="A345" s="43" t="s">
        <v>814</v>
      </c>
      <c r="B345" s="211">
        <v>45756</v>
      </c>
      <c r="C345" s="10" t="s">
        <v>455</v>
      </c>
      <c r="D345" s="10" t="s">
        <v>607</v>
      </c>
      <c r="E345" s="63">
        <v>31609058</v>
      </c>
      <c r="F345" s="10" t="s">
        <v>815</v>
      </c>
      <c r="G345" s="12">
        <v>156.30000000000001</v>
      </c>
      <c r="H345" s="12">
        <v>192.25</v>
      </c>
      <c r="I345" s="11" t="s">
        <v>458</v>
      </c>
      <c r="J345" s="11"/>
    </row>
    <row r="346" spans="1:10" x14ac:dyDescent="0.25">
      <c r="A346" s="10" t="s">
        <v>816</v>
      </c>
      <c r="B346" s="211">
        <v>45756</v>
      </c>
      <c r="C346" s="10" t="s">
        <v>817</v>
      </c>
      <c r="D346" s="10" t="s">
        <v>818</v>
      </c>
      <c r="E346" s="63">
        <v>3020800178</v>
      </c>
      <c r="F346" s="10" t="s">
        <v>819</v>
      </c>
      <c r="G346" s="12">
        <v>280</v>
      </c>
      <c r="H346" s="12">
        <v>344.4</v>
      </c>
      <c r="I346" s="11"/>
      <c r="J346" s="11">
        <v>292025</v>
      </c>
    </row>
    <row r="347" spans="1:10" x14ac:dyDescent="0.25">
      <c r="A347" s="10" t="s">
        <v>820</v>
      </c>
      <c r="B347" s="211">
        <v>45757</v>
      </c>
      <c r="C347" s="10" t="s">
        <v>177</v>
      </c>
      <c r="D347" s="10" t="s">
        <v>172</v>
      </c>
      <c r="E347" s="63">
        <v>53528654</v>
      </c>
      <c r="F347" s="10" t="s">
        <v>821</v>
      </c>
      <c r="G347" s="12">
        <v>3205.48</v>
      </c>
      <c r="H347" s="12">
        <v>3205.48</v>
      </c>
      <c r="I347" s="31" t="s">
        <v>180</v>
      </c>
      <c r="J347" s="11">
        <v>1022025</v>
      </c>
    </row>
    <row r="348" spans="1:10" x14ac:dyDescent="0.25">
      <c r="A348" s="43" t="s">
        <v>822</v>
      </c>
      <c r="B348" s="211">
        <v>45757</v>
      </c>
      <c r="C348" s="10" t="s">
        <v>823</v>
      </c>
      <c r="D348" s="10" t="s">
        <v>824</v>
      </c>
      <c r="E348" s="10">
        <v>35680202</v>
      </c>
      <c r="F348" s="10" t="s">
        <v>825</v>
      </c>
      <c r="G348" s="12">
        <v>93</v>
      </c>
      <c r="H348" s="12">
        <v>114.39</v>
      </c>
      <c r="I348" s="31"/>
      <c r="J348" s="11"/>
    </row>
    <row r="349" spans="1:10" x14ac:dyDescent="0.25">
      <c r="A349" s="10" t="s">
        <v>826</v>
      </c>
      <c r="B349" s="211">
        <v>45757</v>
      </c>
      <c r="C349" s="10" t="s">
        <v>750</v>
      </c>
      <c r="D349" s="10" t="s">
        <v>751</v>
      </c>
      <c r="E349" s="63">
        <v>44360746</v>
      </c>
      <c r="F349" s="10" t="s">
        <v>827</v>
      </c>
      <c r="G349" s="12">
        <v>168.07</v>
      </c>
      <c r="H349" s="12">
        <v>200</v>
      </c>
      <c r="I349" s="11"/>
      <c r="J349" s="11">
        <v>822025</v>
      </c>
    </row>
    <row r="350" spans="1:10" x14ac:dyDescent="0.25">
      <c r="A350" s="10" t="s">
        <v>828</v>
      </c>
      <c r="B350" s="211">
        <v>45751</v>
      </c>
      <c r="C350" s="10" t="s">
        <v>73</v>
      </c>
      <c r="D350" s="10" t="s">
        <v>74</v>
      </c>
      <c r="E350" s="63">
        <v>35763469</v>
      </c>
      <c r="F350" s="10" t="s">
        <v>829</v>
      </c>
      <c r="G350" s="12">
        <v>6255.59</v>
      </c>
      <c r="H350" s="12">
        <v>7692.96</v>
      </c>
      <c r="I350" s="11" t="s">
        <v>76</v>
      </c>
      <c r="J350" s="11"/>
    </row>
    <row r="351" spans="1:10" x14ac:dyDescent="0.25">
      <c r="A351" s="43" t="s">
        <v>830</v>
      </c>
      <c r="B351" s="211">
        <v>45757</v>
      </c>
      <c r="C351" s="10" t="s">
        <v>302</v>
      </c>
      <c r="D351" s="46" t="s">
        <v>303</v>
      </c>
      <c r="E351" s="63">
        <v>45156424</v>
      </c>
      <c r="F351" s="6" t="s">
        <v>831</v>
      </c>
      <c r="G351" s="12">
        <v>8892.4500000000007</v>
      </c>
      <c r="H351" s="12">
        <v>10937.71</v>
      </c>
      <c r="I351" s="11" t="s">
        <v>305</v>
      </c>
      <c r="J351" s="11"/>
    </row>
    <row r="352" spans="1:10" x14ac:dyDescent="0.25">
      <c r="A352" s="43" t="s">
        <v>832</v>
      </c>
      <c r="B352" s="211">
        <v>45758</v>
      </c>
      <c r="C352" s="10" t="s">
        <v>241</v>
      </c>
      <c r="D352" s="10" t="s">
        <v>242</v>
      </c>
      <c r="E352" s="63">
        <v>36631124</v>
      </c>
      <c r="F352" s="10" t="s">
        <v>833</v>
      </c>
      <c r="G352" s="12">
        <v>28.52</v>
      </c>
      <c r="H352" s="12">
        <v>35.08</v>
      </c>
      <c r="I352" s="11" t="s">
        <v>611</v>
      </c>
      <c r="J352" s="11"/>
    </row>
    <row r="353" spans="1:10" x14ac:dyDescent="0.25">
      <c r="A353" s="10" t="s">
        <v>834</v>
      </c>
      <c r="B353" s="212">
        <v>45758</v>
      </c>
      <c r="C353" s="33" t="s">
        <v>835</v>
      </c>
      <c r="D353" s="33" t="s">
        <v>836</v>
      </c>
      <c r="E353" s="64">
        <v>36421928</v>
      </c>
      <c r="F353" s="33" t="s">
        <v>837</v>
      </c>
      <c r="G353" s="8">
        <v>92.32</v>
      </c>
      <c r="H353" s="8">
        <v>113.55</v>
      </c>
      <c r="I353" s="6"/>
      <c r="J353" s="6">
        <v>1002025</v>
      </c>
    </row>
    <row r="354" spans="1:10" x14ac:dyDescent="0.25">
      <c r="A354" s="10" t="s">
        <v>838</v>
      </c>
      <c r="B354" s="211">
        <v>45761</v>
      </c>
      <c r="C354" s="10" t="s">
        <v>241</v>
      </c>
      <c r="D354" s="10" t="s">
        <v>242</v>
      </c>
      <c r="E354" s="63">
        <v>36631124</v>
      </c>
      <c r="F354" s="10" t="s">
        <v>839</v>
      </c>
      <c r="G354" s="12">
        <v>219.15</v>
      </c>
      <c r="H354" s="12">
        <v>219.15</v>
      </c>
      <c r="I354" s="11" t="s">
        <v>611</v>
      </c>
      <c r="J354" s="11"/>
    </row>
    <row r="355" spans="1:10" x14ac:dyDescent="0.25">
      <c r="A355" s="43" t="s">
        <v>840</v>
      </c>
      <c r="B355" s="211">
        <v>45761</v>
      </c>
      <c r="C355" s="10" t="s">
        <v>241</v>
      </c>
      <c r="D355" s="10" t="s">
        <v>242</v>
      </c>
      <c r="E355" s="63">
        <v>36631124</v>
      </c>
      <c r="F355" s="10" t="s">
        <v>841</v>
      </c>
      <c r="G355" s="12">
        <v>493.5</v>
      </c>
      <c r="H355" s="12">
        <v>493.5</v>
      </c>
      <c r="I355" s="11" t="s">
        <v>611</v>
      </c>
      <c r="J355" s="11"/>
    </row>
    <row r="356" spans="1:10" x14ac:dyDescent="0.25">
      <c r="A356" s="10" t="s">
        <v>842</v>
      </c>
      <c r="B356" s="211">
        <v>45761</v>
      </c>
      <c r="C356" s="10" t="s">
        <v>241</v>
      </c>
      <c r="D356" s="10" t="s">
        <v>242</v>
      </c>
      <c r="E356" s="63">
        <v>36631124</v>
      </c>
      <c r="F356" s="10" t="s">
        <v>843</v>
      </c>
      <c r="G356" s="12">
        <v>543.5</v>
      </c>
      <c r="H356" s="12">
        <v>543.5</v>
      </c>
      <c r="I356" s="11" t="s">
        <v>611</v>
      </c>
      <c r="J356" s="11"/>
    </row>
    <row r="357" spans="1:10" x14ac:dyDescent="0.25">
      <c r="A357" s="10" t="s">
        <v>844</v>
      </c>
      <c r="B357" s="211">
        <v>45761</v>
      </c>
      <c r="C357" s="10" t="s">
        <v>241</v>
      </c>
      <c r="D357" s="10" t="s">
        <v>242</v>
      </c>
      <c r="E357" s="63">
        <v>36631124</v>
      </c>
      <c r="F357" s="10" t="s">
        <v>845</v>
      </c>
      <c r="G357" s="12">
        <v>545.85</v>
      </c>
      <c r="H357" s="12">
        <v>545.85</v>
      </c>
      <c r="I357" s="11" t="s">
        <v>611</v>
      </c>
      <c r="J357" s="11"/>
    </row>
    <row r="358" spans="1:10" x14ac:dyDescent="0.25">
      <c r="A358" s="43" t="s">
        <v>846</v>
      </c>
      <c r="B358" s="211">
        <v>45761</v>
      </c>
      <c r="C358" s="10" t="s">
        <v>241</v>
      </c>
      <c r="D358" s="10" t="s">
        <v>242</v>
      </c>
      <c r="E358" s="63">
        <v>36631124</v>
      </c>
      <c r="F358" s="10" t="s">
        <v>847</v>
      </c>
      <c r="G358" s="12">
        <v>531.1</v>
      </c>
      <c r="H358" s="12">
        <v>531.1</v>
      </c>
      <c r="I358" s="11" t="s">
        <v>611</v>
      </c>
      <c r="J358" s="11"/>
    </row>
    <row r="359" spans="1:10" x14ac:dyDescent="0.25">
      <c r="A359" s="10" t="s">
        <v>848</v>
      </c>
      <c r="B359" s="211">
        <v>45761</v>
      </c>
      <c r="C359" s="10" t="s">
        <v>241</v>
      </c>
      <c r="D359" s="10" t="s">
        <v>242</v>
      </c>
      <c r="E359" s="63">
        <v>36631124</v>
      </c>
      <c r="F359" s="10" t="s">
        <v>849</v>
      </c>
      <c r="G359" s="12">
        <v>291.05</v>
      </c>
      <c r="H359" s="12">
        <v>291.05</v>
      </c>
      <c r="I359" s="11" t="s">
        <v>611</v>
      </c>
      <c r="J359" s="11"/>
    </row>
    <row r="360" spans="1:10" x14ac:dyDescent="0.25">
      <c r="A360" s="10" t="s">
        <v>850</v>
      </c>
      <c r="B360" s="211">
        <v>45761</v>
      </c>
      <c r="C360" s="10" t="s">
        <v>241</v>
      </c>
      <c r="D360" s="10" t="s">
        <v>242</v>
      </c>
      <c r="E360" s="63">
        <v>36631124</v>
      </c>
      <c r="F360" s="10" t="s">
        <v>851</v>
      </c>
      <c r="G360" s="12">
        <v>237.4</v>
      </c>
      <c r="H360" s="12">
        <v>237.4</v>
      </c>
      <c r="I360" s="11" t="s">
        <v>611</v>
      </c>
      <c r="J360" s="11"/>
    </row>
    <row r="361" spans="1:10" x14ac:dyDescent="0.25">
      <c r="A361" s="43" t="s">
        <v>852</v>
      </c>
      <c r="B361" s="211">
        <v>45761</v>
      </c>
      <c r="C361" s="10" t="s">
        <v>853</v>
      </c>
      <c r="D361" s="10" t="s">
        <v>854</v>
      </c>
      <c r="E361" s="63">
        <v>35722533</v>
      </c>
      <c r="F361" s="10" t="s">
        <v>855</v>
      </c>
      <c r="G361" s="12">
        <v>254400</v>
      </c>
      <c r="H361" s="12">
        <v>312912</v>
      </c>
      <c r="I361" s="11" t="s">
        <v>18</v>
      </c>
      <c r="J361" s="11" t="s">
        <v>856</v>
      </c>
    </row>
    <row r="362" spans="1:10" x14ac:dyDescent="0.25">
      <c r="A362" s="10" t="s">
        <v>857</v>
      </c>
      <c r="B362" s="211">
        <v>45761</v>
      </c>
      <c r="C362" s="19" t="s">
        <v>187</v>
      </c>
      <c r="D362" s="19" t="s">
        <v>188</v>
      </c>
      <c r="E362" s="67">
        <v>35954612</v>
      </c>
      <c r="F362" s="11" t="s">
        <v>858</v>
      </c>
      <c r="G362" s="18">
        <v>1254.75</v>
      </c>
      <c r="H362" s="18">
        <v>1543.34</v>
      </c>
      <c r="I362" s="13" t="s">
        <v>190</v>
      </c>
      <c r="J362" s="6">
        <v>3952024</v>
      </c>
    </row>
    <row r="363" spans="1:10" x14ac:dyDescent="0.25">
      <c r="A363" s="10" t="s">
        <v>859</v>
      </c>
      <c r="B363" s="211">
        <v>45761</v>
      </c>
      <c r="C363" s="19" t="s">
        <v>187</v>
      </c>
      <c r="D363" s="19" t="s">
        <v>188</v>
      </c>
      <c r="E363" s="67">
        <v>35954612</v>
      </c>
      <c r="F363" s="11" t="s">
        <v>860</v>
      </c>
      <c r="G363" s="18">
        <v>1240.8399999999999</v>
      </c>
      <c r="H363" s="18">
        <v>1526.23</v>
      </c>
      <c r="I363" s="13" t="s">
        <v>190</v>
      </c>
      <c r="J363" s="6">
        <v>3952024</v>
      </c>
    </row>
    <row r="364" spans="1:10" x14ac:dyDescent="0.25">
      <c r="A364" s="43" t="s">
        <v>861</v>
      </c>
      <c r="B364" s="211">
        <v>45761</v>
      </c>
      <c r="C364" s="19" t="s">
        <v>187</v>
      </c>
      <c r="D364" s="19" t="s">
        <v>188</v>
      </c>
      <c r="E364" s="67">
        <v>35954612</v>
      </c>
      <c r="F364" s="19" t="s">
        <v>862</v>
      </c>
      <c r="G364" s="18">
        <v>1266.6300000000001</v>
      </c>
      <c r="H364" s="18">
        <v>1557.95</v>
      </c>
      <c r="I364" s="61" t="s">
        <v>190</v>
      </c>
      <c r="J364" s="23">
        <v>3952024</v>
      </c>
    </row>
    <row r="365" spans="1:10" x14ac:dyDescent="0.25">
      <c r="A365" s="10" t="s">
        <v>863</v>
      </c>
      <c r="B365" s="211">
        <v>45761</v>
      </c>
      <c r="C365" s="19" t="s">
        <v>187</v>
      </c>
      <c r="D365" s="19" t="s">
        <v>188</v>
      </c>
      <c r="E365" s="67">
        <v>35954612</v>
      </c>
      <c r="F365" s="11" t="s">
        <v>864</v>
      </c>
      <c r="G365" s="18">
        <v>1254.67</v>
      </c>
      <c r="H365" s="18">
        <v>1543.24</v>
      </c>
      <c r="I365" s="13" t="s">
        <v>190</v>
      </c>
      <c r="J365" s="6">
        <v>3952024</v>
      </c>
    </row>
    <row r="366" spans="1:10" x14ac:dyDescent="0.25">
      <c r="A366" s="10" t="s">
        <v>865</v>
      </c>
      <c r="B366" s="211">
        <v>45761</v>
      </c>
      <c r="C366" s="19" t="s">
        <v>187</v>
      </c>
      <c r="D366" s="19" t="s">
        <v>188</v>
      </c>
      <c r="E366" s="67">
        <v>35954612</v>
      </c>
      <c r="F366" s="11" t="s">
        <v>866</v>
      </c>
      <c r="G366" s="18">
        <v>1231.47</v>
      </c>
      <c r="H366" s="18">
        <v>1514.71</v>
      </c>
      <c r="I366" s="13" t="s">
        <v>190</v>
      </c>
      <c r="J366" s="6">
        <v>3952024</v>
      </c>
    </row>
    <row r="367" spans="1:10" x14ac:dyDescent="0.25">
      <c r="A367" s="43" t="s">
        <v>867</v>
      </c>
      <c r="B367" s="211">
        <v>45761</v>
      </c>
      <c r="C367" s="19" t="s">
        <v>187</v>
      </c>
      <c r="D367" s="19" t="s">
        <v>188</v>
      </c>
      <c r="E367" s="67">
        <v>35954612</v>
      </c>
      <c r="F367" s="11" t="s">
        <v>868</v>
      </c>
      <c r="G367" s="18">
        <v>1284.79</v>
      </c>
      <c r="H367" s="18">
        <v>1580.29</v>
      </c>
      <c r="I367" s="13" t="s">
        <v>190</v>
      </c>
      <c r="J367" s="6">
        <v>3952024</v>
      </c>
    </row>
    <row r="368" spans="1:10" x14ac:dyDescent="0.25">
      <c r="A368" s="10" t="s">
        <v>869</v>
      </c>
      <c r="B368" s="211">
        <v>45761</v>
      </c>
      <c r="C368" s="19" t="s">
        <v>187</v>
      </c>
      <c r="D368" s="19" t="s">
        <v>188</v>
      </c>
      <c r="E368" s="67">
        <v>35954612</v>
      </c>
      <c r="F368" s="11" t="s">
        <v>870</v>
      </c>
      <c r="G368" s="8">
        <v>1242.51</v>
      </c>
      <c r="H368" s="8">
        <v>1528.29</v>
      </c>
      <c r="I368" s="13" t="s">
        <v>190</v>
      </c>
      <c r="J368" s="6">
        <v>3952024</v>
      </c>
    </row>
    <row r="369" spans="1:10" x14ac:dyDescent="0.25">
      <c r="A369" s="10" t="s">
        <v>871</v>
      </c>
      <c r="B369" s="211">
        <v>45761</v>
      </c>
      <c r="C369" s="19" t="s">
        <v>187</v>
      </c>
      <c r="D369" s="19" t="s">
        <v>188</v>
      </c>
      <c r="E369" s="67">
        <v>35954612</v>
      </c>
      <c r="F369" s="6" t="s">
        <v>872</v>
      </c>
      <c r="G369" s="18">
        <v>7612.28</v>
      </c>
      <c r="H369" s="18">
        <v>9363.1</v>
      </c>
      <c r="I369" s="9" t="s">
        <v>190</v>
      </c>
      <c r="J369" s="6">
        <v>3952024</v>
      </c>
    </row>
    <row r="370" spans="1:10" x14ac:dyDescent="0.25">
      <c r="A370" s="43" t="s">
        <v>873</v>
      </c>
      <c r="B370" s="211">
        <v>45761</v>
      </c>
      <c r="C370" s="19" t="s">
        <v>187</v>
      </c>
      <c r="D370" s="19" t="s">
        <v>188</v>
      </c>
      <c r="E370" s="67">
        <v>35954612</v>
      </c>
      <c r="F370" s="19" t="s">
        <v>874</v>
      </c>
      <c r="G370" s="18">
        <v>7520</v>
      </c>
      <c r="H370" s="18">
        <v>9249.6</v>
      </c>
      <c r="I370" s="13" t="s">
        <v>223</v>
      </c>
      <c r="J370" s="11">
        <v>3912024</v>
      </c>
    </row>
    <row r="371" spans="1:10" x14ac:dyDescent="0.25">
      <c r="A371" s="10" t="s">
        <v>875</v>
      </c>
      <c r="B371" s="211">
        <v>45761</v>
      </c>
      <c r="C371" s="19" t="s">
        <v>187</v>
      </c>
      <c r="D371" s="19" t="s">
        <v>188</v>
      </c>
      <c r="E371" s="67">
        <v>35954612</v>
      </c>
      <c r="F371" s="19" t="s">
        <v>876</v>
      </c>
      <c r="G371" s="18">
        <v>6560</v>
      </c>
      <c r="H371" s="18">
        <v>8068.8</v>
      </c>
      <c r="I371" s="13" t="s">
        <v>223</v>
      </c>
      <c r="J371" s="11">
        <v>3912024</v>
      </c>
    </row>
    <row r="372" spans="1:10" x14ac:dyDescent="0.25">
      <c r="A372" s="10" t="s">
        <v>877</v>
      </c>
      <c r="B372" s="211">
        <v>45761</v>
      </c>
      <c r="C372" s="19" t="s">
        <v>187</v>
      </c>
      <c r="D372" s="19" t="s">
        <v>188</v>
      </c>
      <c r="E372" s="67">
        <v>35954612</v>
      </c>
      <c r="F372" s="19" t="s">
        <v>878</v>
      </c>
      <c r="G372" s="18">
        <v>6510</v>
      </c>
      <c r="H372" s="18">
        <v>8007.3</v>
      </c>
      <c r="I372" s="13" t="s">
        <v>223</v>
      </c>
      <c r="J372" s="11">
        <v>3912024</v>
      </c>
    </row>
    <row r="373" spans="1:10" x14ac:dyDescent="0.25">
      <c r="A373" s="43" t="s">
        <v>879</v>
      </c>
      <c r="B373" s="211">
        <v>45761</v>
      </c>
      <c r="C373" s="19" t="s">
        <v>187</v>
      </c>
      <c r="D373" s="19" t="s">
        <v>188</v>
      </c>
      <c r="E373" s="67">
        <v>35954612</v>
      </c>
      <c r="F373" s="19" t="s">
        <v>880</v>
      </c>
      <c r="G373" s="18">
        <v>6750</v>
      </c>
      <c r="H373" s="18">
        <v>8302.5</v>
      </c>
      <c r="I373" s="13" t="s">
        <v>223</v>
      </c>
      <c r="J373" s="11">
        <v>3912024</v>
      </c>
    </row>
    <row r="374" spans="1:10" x14ac:dyDescent="0.25">
      <c r="A374" s="10" t="s">
        <v>881</v>
      </c>
      <c r="B374" s="211">
        <v>45761</v>
      </c>
      <c r="C374" s="19" t="s">
        <v>187</v>
      </c>
      <c r="D374" s="19" t="s">
        <v>188</v>
      </c>
      <c r="E374" s="67">
        <v>35954612</v>
      </c>
      <c r="F374" s="19" t="s">
        <v>882</v>
      </c>
      <c r="G374" s="18">
        <v>6970</v>
      </c>
      <c r="H374" s="18">
        <v>8573.1</v>
      </c>
      <c r="I374" s="13" t="s">
        <v>223</v>
      </c>
      <c r="J374" s="11">
        <v>3912024</v>
      </c>
    </row>
    <row r="375" spans="1:10" x14ac:dyDescent="0.25">
      <c r="A375" s="10" t="s">
        <v>883</v>
      </c>
      <c r="B375" s="211">
        <v>45761</v>
      </c>
      <c r="C375" s="19" t="s">
        <v>187</v>
      </c>
      <c r="D375" s="19" t="s">
        <v>188</v>
      </c>
      <c r="E375" s="67">
        <v>35954612</v>
      </c>
      <c r="F375" s="19" t="s">
        <v>884</v>
      </c>
      <c r="G375" s="18">
        <v>5170</v>
      </c>
      <c r="H375" s="18">
        <v>6359.1</v>
      </c>
      <c r="I375" s="13" t="s">
        <v>223</v>
      </c>
      <c r="J375" s="11">
        <v>3912024</v>
      </c>
    </row>
    <row r="376" spans="1:10" x14ac:dyDescent="0.25">
      <c r="A376" s="43" t="s">
        <v>885</v>
      </c>
      <c r="B376" s="211">
        <v>45761</v>
      </c>
      <c r="C376" s="19" t="s">
        <v>187</v>
      </c>
      <c r="D376" s="19" t="s">
        <v>188</v>
      </c>
      <c r="E376" s="67">
        <v>35954612</v>
      </c>
      <c r="F376" s="19" t="s">
        <v>886</v>
      </c>
      <c r="G376" s="18">
        <v>6160</v>
      </c>
      <c r="H376" s="18">
        <v>7576.8</v>
      </c>
      <c r="I376" s="13" t="s">
        <v>223</v>
      </c>
      <c r="J376" s="11">
        <v>3912024</v>
      </c>
    </row>
    <row r="377" spans="1:10" x14ac:dyDescent="0.25">
      <c r="A377" s="10" t="s">
        <v>887</v>
      </c>
      <c r="B377" s="211">
        <v>45761</v>
      </c>
      <c r="C377" s="19" t="s">
        <v>187</v>
      </c>
      <c r="D377" s="19" t="s">
        <v>188</v>
      </c>
      <c r="E377" s="67">
        <v>35954612</v>
      </c>
      <c r="F377" s="19" t="s">
        <v>888</v>
      </c>
      <c r="G377" s="18">
        <v>28560</v>
      </c>
      <c r="H377" s="18">
        <v>35128.800000000003</v>
      </c>
      <c r="I377" s="13" t="s">
        <v>223</v>
      </c>
      <c r="J377" s="11">
        <v>3912024</v>
      </c>
    </row>
    <row r="378" spans="1:10" x14ac:dyDescent="0.25">
      <c r="A378" s="10" t="s">
        <v>889</v>
      </c>
      <c r="B378" s="211">
        <v>45762</v>
      </c>
      <c r="C378" s="11" t="s">
        <v>134</v>
      </c>
      <c r="D378" s="16" t="s">
        <v>135</v>
      </c>
      <c r="E378" s="71">
        <v>35889063</v>
      </c>
      <c r="F378" s="16" t="s">
        <v>890</v>
      </c>
      <c r="G378" s="18">
        <v>17.309999999999999</v>
      </c>
      <c r="H378" s="18">
        <v>20.6</v>
      </c>
      <c r="I378" s="13" t="s">
        <v>137</v>
      </c>
      <c r="J378" s="11"/>
    </row>
    <row r="379" spans="1:10" x14ac:dyDescent="0.25">
      <c r="A379" s="43" t="s">
        <v>891</v>
      </c>
      <c r="B379" s="211">
        <v>45762</v>
      </c>
      <c r="C379" s="17" t="s">
        <v>187</v>
      </c>
      <c r="D379" s="17" t="s">
        <v>188</v>
      </c>
      <c r="E379" s="60">
        <v>35954612</v>
      </c>
      <c r="F379" s="17" t="s">
        <v>892</v>
      </c>
      <c r="G379" s="18">
        <v>13720</v>
      </c>
      <c r="H379" s="18">
        <v>16875.599999999999</v>
      </c>
      <c r="I379" s="13" t="s">
        <v>223</v>
      </c>
      <c r="J379" s="11">
        <v>3912024</v>
      </c>
    </row>
    <row r="380" spans="1:10" x14ac:dyDescent="0.25">
      <c r="A380" s="10" t="s">
        <v>893</v>
      </c>
      <c r="B380" s="211">
        <v>45762</v>
      </c>
      <c r="C380" s="11" t="s">
        <v>277</v>
      </c>
      <c r="D380" s="11" t="s">
        <v>278</v>
      </c>
      <c r="E380" s="63">
        <v>36237337</v>
      </c>
      <c r="F380" s="13" t="s">
        <v>894</v>
      </c>
      <c r="G380" s="18">
        <v>312</v>
      </c>
      <c r="H380" s="18">
        <v>383.76</v>
      </c>
      <c r="I380" s="13" t="s">
        <v>280</v>
      </c>
      <c r="J380" s="11"/>
    </row>
    <row r="381" spans="1:10" x14ac:dyDescent="0.25">
      <c r="A381" s="10" t="s">
        <v>895</v>
      </c>
      <c r="B381" s="211">
        <v>45762</v>
      </c>
      <c r="C381" s="10" t="s">
        <v>241</v>
      </c>
      <c r="D381" s="10" t="s">
        <v>242</v>
      </c>
      <c r="E381" s="63">
        <v>36631124</v>
      </c>
      <c r="F381" s="10" t="s">
        <v>896</v>
      </c>
      <c r="G381" s="12">
        <v>553.25</v>
      </c>
      <c r="H381" s="12">
        <v>553.25</v>
      </c>
      <c r="I381" s="11" t="s">
        <v>611</v>
      </c>
      <c r="J381" s="11"/>
    </row>
    <row r="382" spans="1:10" x14ac:dyDescent="0.25">
      <c r="A382" s="43" t="s">
        <v>897</v>
      </c>
      <c r="B382" s="211">
        <v>45762</v>
      </c>
      <c r="C382" s="10" t="s">
        <v>171</v>
      </c>
      <c r="D382" s="10" t="s">
        <v>266</v>
      </c>
      <c r="E382" s="63">
        <v>52599515</v>
      </c>
      <c r="F382" s="10" t="s">
        <v>898</v>
      </c>
      <c r="G382" s="18">
        <v>1633.1</v>
      </c>
      <c r="H382" s="18">
        <v>1879.55</v>
      </c>
      <c r="I382" s="13" t="s">
        <v>173</v>
      </c>
      <c r="J382" s="11"/>
    </row>
    <row r="383" spans="1:10" x14ac:dyDescent="0.25">
      <c r="A383" s="10" t="s">
        <v>899</v>
      </c>
      <c r="B383" s="211">
        <v>45763</v>
      </c>
      <c r="C383" s="10" t="s">
        <v>139</v>
      </c>
      <c r="D383" s="10" t="s">
        <v>140</v>
      </c>
      <c r="E383" s="63">
        <v>47235713</v>
      </c>
      <c r="F383" s="10" t="s">
        <v>900</v>
      </c>
      <c r="G383" s="18">
        <v>677.8</v>
      </c>
      <c r="H383" s="18">
        <v>806.58</v>
      </c>
      <c r="I383" s="11" t="s">
        <v>142</v>
      </c>
      <c r="J383" s="11"/>
    </row>
    <row r="384" spans="1:10" x14ac:dyDescent="0.25">
      <c r="A384" s="10" t="s">
        <v>901</v>
      </c>
      <c r="B384" s="211">
        <v>45764</v>
      </c>
      <c r="C384" s="10" t="s">
        <v>712</v>
      </c>
      <c r="D384" s="10" t="s">
        <v>713</v>
      </c>
      <c r="E384" s="63">
        <v>36029076</v>
      </c>
      <c r="F384" s="10" t="s">
        <v>902</v>
      </c>
      <c r="G384" s="12">
        <v>3600</v>
      </c>
      <c r="H384" s="12">
        <v>4428</v>
      </c>
      <c r="I384" s="11"/>
      <c r="J384" s="11">
        <v>592025</v>
      </c>
    </row>
    <row r="385" spans="1:10" x14ac:dyDescent="0.25">
      <c r="A385" s="43" t="s">
        <v>903</v>
      </c>
      <c r="B385" s="211">
        <v>45764</v>
      </c>
      <c r="C385" s="11" t="s">
        <v>25</v>
      </c>
      <c r="D385" s="16" t="s">
        <v>26</v>
      </c>
      <c r="E385" s="65">
        <v>35818565</v>
      </c>
      <c r="F385" s="16" t="s">
        <v>904</v>
      </c>
      <c r="G385" s="18">
        <v>343.75</v>
      </c>
      <c r="H385" s="18">
        <v>422.81</v>
      </c>
      <c r="I385" s="13" t="s">
        <v>28</v>
      </c>
      <c r="J385" s="16">
        <v>942025</v>
      </c>
    </row>
    <row r="386" spans="1:10" x14ac:dyDescent="0.25">
      <c r="A386" s="10" t="s">
        <v>905</v>
      </c>
      <c r="B386" s="211">
        <v>45763</v>
      </c>
      <c r="C386" s="10" t="s">
        <v>906</v>
      </c>
      <c r="D386" s="10" t="s">
        <v>907</v>
      </c>
      <c r="E386" s="63">
        <v>40132242</v>
      </c>
      <c r="F386" s="10" t="s">
        <v>908</v>
      </c>
      <c r="G386" s="12">
        <v>911.6</v>
      </c>
      <c r="H386" s="12">
        <v>1121.27</v>
      </c>
      <c r="I386" s="11"/>
      <c r="J386" s="11">
        <v>932025</v>
      </c>
    </row>
    <row r="387" spans="1:10" x14ac:dyDescent="0.25">
      <c r="A387" s="10" t="s">
        <v>909</v>
      </c>
      <c r="B387" s="214">
        <v>45763</v>
      </c>
      <c r="C387" s="23" t="s">
        <v>139</v>
      </c>
      <c r="D387" s="23" t="s">
        <v>140</v>
      </c>
      <c r="E387" s="66">
        <v>47235713</v>
      </c>
      <c r="F387" s="23" t="s">
        <v>910</v>
      </c>
      <c r="G387" s="18">
        <v>14.67</v>
      </c>
      <c r="H387" s="18">
        <v>18.04</v>
      </c>
      <c r="I387" s="25" t="s">
        <v>142</v>
      </c>
      <c r="J387" s="23"/>
    </row>
    <row r="388" spans="1:10" x14ac:dyDescent="0.25">
      <c r="A388" s="43" t="s">
        <v>911</v>
      </c>
      <c r="B388" s="211">
        <v>45763</v>
      </c>
      <c r="C388" s="23" t="s">
        <v>139</v>
      </c>
      <c r="D388" s="23" t="s">
        <v>140</v>
      </c>
      <c r="E388" s="66">
        <v>47235713</v>
      </c>
      <c r="F388" s="23" t="s">
        <v>912</v>
      </c>
      <c r="G388" s="18">
        <v>20</v>
      </c>
      <c r="H388" s="18">
        <v>24.6</v>
      </c>
      <c r="I388" s="25" t="s">
        <v>142</v>
      </c>
      <c r="J388" s="23"/>
    </row>
    <row r="389" spans="1:10" x14ac:dyDescent="0.25">
      <c r="A389" s="10" t="s">
        <v>913</v>
      </c>
      <c r="B389" s="211">
        <v>45754</v>
      </c>
      <c r="C389" s="10" t="s">
        <v>914</v>
      </c>
      <c r="D389" s="10" t="s">
        <v>915</v>
      </c>
      <c r="E389" s="63">
        <v>35752831</v>
      </c>
      <c r="F389" s="10" t="s">
        <v>916</v>
      </c>
      <c r="G389" s="12">
        <v>203.73</v>
      </c>
      <c r="H389" s="12">
        <v>250.59</v>
      </c>
      <c r="I389" s="135" t="s">
        <v>917</v>
      </c>
      <c r="J389" s="11"/>
    </row>
    <row r="390" spans="1:10" x14ac:dyDescent="0.25">
      <c r="A390" s="10" t="s">
        <v>918</v>
      </c>
      <c r="B390" s="211">
        <v>45754</v>
      </c>
      <c r="C390" s="10" t="s">
        <v>914</v>
      </c>
      <c r="D390" s="10" t="s">
        <v>915</v>
      </c>
      <c r="E390" s="63">
        <v>35752831</v>
      </c>
      <c r="F390" s="10" t="s">
        <v>919</v>
      </c>
      <c r="G390" s="12">
        <v>129.74</v>
      </c>
      <c r="H390" s="12">
        <v>159.58000000000001</v>
      </c>
      <c r="I390" s="135" t="s">
        <v>920</v>
      </c>
      <c r="J390" s="11"/>
    </row>
    <row r="391" spans="1:10" x14ac:dyDescent="0.25">
      <c r="A391" s="43" t="s">
        <v>921</v>
      </c>
      <c r="B391" s="211">
        <v>45761</v>
      </c>
      <c r="C391" s="10" t="s">
        <v>922</v>
      </c>
      <c r="D391" s="10" t="s">
        <v>923</v>
      </c>
      <c r="E391" s="63">
        <v>151866</v>
      </c>
      <c r="F391" s="10" t="s">
        <v>924</v>
      </c>
      <c r="G391" s="12">
        <v>33</v>
      </c>
      <c r="H391" s="12">
        <v>33</v>
      </c>
      <c r="I391" s="135" t="s">
        <v>925</v>
      </c>
      <c r="J391" s="11"/>
    </row>
    <row r="392" spans="1:10" x14ac:dyDescent="0.25">
      <c r="A392" s="10" t="s">
        <v>926</v>
      </c>
      <c r="B392" s="211">
        <v>45769</v>
      </c>
      <c r="C392" s="11" t="s">
        <v>379</v>
      </c>
      <c r="D392" s="11" t="s">
        <v>380</v>
      </c>
      <c r="E392" s="63">
        <v>33768897</v>
      </c>
      <c r="F392" s="11" t="s">
        <v>927</v>
      </c>
      <c r="G392" s="12">
        <v>9678.06</v>
      </c>
      <c r="H392" s="12">
        <v>11904.01</v>
      </c>
      <c r="I392" s="13" t="s">
        <v>382</v>
      </c>
      <c r="J392" s="11">
        <v>842025</v>
      </c>
    </row>
    <row r="393" spans="1:10" x14ac:dyDescent="0.25">
      <c r="A393" s="10" t="s">
        <v>928</v>
      </c>
      <c r="B393" s="211">
        <v>45769</v>
      </c>
      <c r="C393" s="11" t="s">
        <v>122</v>
      </c>
      <c r="D393" s="6" t="s">
        <v>123</v>
      </c>
      <c r="E393" s="64">
        <v>46921931</v>
      </c>
      <c r="F393" s="11" t="s">
        <v>929</v>
      </c>
      <c r="G393" s="18">
        <v>23678.89</v>
      </c>
      <c r="H393" s="18">
        <v>25251.79</v>
      </c>
      <c r="I393" s="9" t="s">
        <v>125</v>
      </c>
      <c r="J393" s="6"/>
    </row>
    <row r="394" spans="1:10" x14ac:dyDescent="0.25">
      <c r="A394" s="43" t="s">
        <v>930</v>
      </c>
      <c r="B394" s="211">
        <v>45769</v>
      </c>
      <c r="C394" s="19" t="s">
        <v>187</v>
      </c>
      <c r="D394" s="19" t="s">
        <v>188</v>
      </c>
      <c r="E394" s="67">
        <v>35954612</v>
      </c>
      <c r="F394" s="19" t="s">
        <v>931</v>
      </c>
      <c r="G394" s="18">
        <v>6390</v>
      </c>
      <c r="H394" s="18">
        <v>7859.7</v>
      </c>
      <c r="I394" s="13" t="s">
        <v>223</v>
      </c>
      <c r="J394" s="11">
        <v>3912024</v>
      </c>
    </row>
    <row r="395" spans="1:10" x14ac:dyDescent="0.25">
      <c r="A395" s="10" t="s">
        <v>932</v>
      </c>
      <c r="B395" s="211">
        <v>45769</v>
      </c>
      <c r="C395" s="19" t="s">
        <v>187</v>
      </c>
      <c r="D395" s="19" t="s">
        <v>188</v>
      </c>
      <c r="E395" s="67">
        <v>35954612</v>
      </c>
      <c r="F395" s="19" t="s">
        <v>933</v>
      </c>
      <c r="G395" s="18">
        <v>8150</v>
      </c>
      <c r="H395" s="18">
        <v>10024.5</v>
      </c>
      <c r="I395" s="13" t="s">
        <v>223</v>
      </c>
      <c r="J395" s="11">
        <v>3912024</v>
      </c>
    </row>
    <row r="396" spans="1:10" x14ac:dyDescent="0.25">
      <c r="A396" s="10" t="s">
        <v>934</v>
      </c>
      <c r="B396" s="211">
        <v>45770</v>
      </c>
      <c r="C396" s="11" t="s">
        <v>935</v>
      </c>
      <c r="D396" s="6" t="s">
        <v>936</v>
      </c>
      <c r="E396" s="64">
        <v>36332151</v>
      </c>
      <c r="F396" s="11" t="s">
        <v>937</v>
      </c>
      <c r="G396" s="18">
        <v>245</v>
      </c>
      <c r="H396" s="18">
        <v>301.35000000000002</v>
      </c>
      <c r="I396" s="9"/>
      <c r="J396" s="9" t="s">
        <v>938</v>
      </c>
    </row>
    <row r="397" spans="1:10" x14ac:dyDescent="0.25">
      <c r="A397" s="43" t="s">
        <v>939</v>
      </c>
      <c r="B397" s="211">
        <v>45771</v>
      </c>
      <c r="C397" s="68" t="s">
        <v>100</v>
      </c>
      <c r="D397" s="16" t="s">
        <v>101</v>
      </c>
      <c r="E397" s="65">
        <v>36769304</v>
      </c>
      <c r="F397" s="16" t="s">
        <v>940</v>
      </c>
      <c r="G397" s="69">
        <v>210</v>
      </c>
      <c r="H397" s="24">
        <v>258.3</v>
      </c>
      <c r="I397" s="25"/>
      <c r="J397" s="23">
        <v>1052025</v>
      </c>
    </row>
    <row r="398" spans="1:10" x14ac:dyDescent="0.25">
      <c r="A398" s="10" t="s">
        <v>941</v>
      </c>
      <c r="B398" s="211">
        <v>45775</v>
      </c>
      <c r="C398" s="23" t="s">
        <v>942</v>
      </c>
      <c r="D398" s="27" t="s">
        <v>111</v>
      </c>
      <c r="E398" s="66">
        <v>35872110</v>
      </c>
      <c r="F398" s="28" t="s">
        <v>943</v>
      </c>
      <c r="G398" s="24">
        <v>15183.35</v>
      </c>
      <c r="H398" s="24">
        <v>18677.98</v>
      </c>
      <c r="I398" s="25" t="s">
        <v>944</v>
      </c>
      <c r="J398" s="23">
        <v>912024</v>
      </c>
    </row>
    <row r="399" spans="1:10" x14ac:dyDescent="0.25">
      <c r="A399" s="43" t="s">
        <v>945</v>
      </c>
      <c r="B399" s="211">
        <v>45775</v>
      </c>
      <c r="C399" s="11" t="s">
        <v>30</v>
      </c>
      <c r="D399" s="11" t="s">
        <v>31</v>
      </c>
      <c r="E399" s="63">
        <v>36287229</v>
      </c>
      <c r="F399" s="11" t="s">
        <v>946</v>
      </c>
      <c r="G399" s="12">
        <v>99</v>
      </c>
      <c r="H399" s="12">
        <v>99</v>
      </c>
      <c r="I399" s="13"/>
      <c r="J399" s="11">
        <v>862025</v>
      </c>
    </row>
    <row r="400" spans="1:10" x14ac:dyDescent="0.25">
      <c r="A400" s="10" t="s">
        <v>947</v>
      </c>
      <c r="B400" s="211">
        <v>45776</v>
      </c>
      <c r="C400" s="10" t="s">
        <v>292</v>
      </c>
      <c r="D400" s="10" t="s">
        <v>948</v>
      </c>
      <c r="E400" s="63" t="s">
        <v>949</v>
      </c>
      <c r="F400" s="10" t="s">
        <v>950</v>
      </c>
      <c r="G400" s="45" t="s">
        <v>951</v>
      </c>
      <c r="H400" s="45" t="s">
        <v>952</v>
      </c>
      <c r="I400" s="11"/>
      <c r="J400" s="11">
        <v>1082025</v>
      </c>
    </row>
    <row r="401" spans="1:10" x14ac:dyDescent="0.25">
      <c r="A401" s="10" t="s">
        <v>953</v>
      </c>
      <c r="B401" s="211">
        <v>45776</v>
      </c>
      <c r="C401" s="10" t="s">
        <v>954</v>
      </c>
      <c r="D401" s="10" t="s">
        <v>955</v>
      </c>
      <c r="E401" s="63">
        <v>52324940</v>
      </c>
      <c r="F401" s="10" t="s">
        <v>956</v>
      </c>
      <c r="G401" s="12">
        <v>80.489999999999995</v>
      </c>
      <c r="H401" s="12">
        <v>99</v>
      </c>
      <c r="I401" s="11"/>
      <c r="J401" s="11">
        <v>1092025</v>
      </c>
    </row>
    <row r="402" spans="1:10" x14ac:dyDescent="0.25">
      <c r="A402" s="43" t="s">
        <v>957</v>
      </c>
      <c r="B402" s="211">
        <v>45779</v>
      </c>
      <c r="C402" s="11" t="s">
        <v>148</v>
      </c>
      <c r="D402" s="23" t="s">
        <v>365</v>
      </c>
      <c r="E402" s="66">
        <v>53227514</v>
      </c>
      <c r="F402" s="23" t="s">
        <v>958</v>
      </c>
      <c r="G402" s="18">
        <v>15394</v>
      </c>
      <c r="H402" s="18">
        <v>16624</v>
      </c>
      <c r="I402" s="25" t="s">
        <v>151</v>
      </c>
      <c r="J402" s="23"/>
    </row>
    <row r="403" spans="1:10" x14ac:dyDescent="0.25">
      <c r="A403" s="10" t="s">
        <v>959</v>
      </c>
      <c r="B403" s="211">
        <v>45779</v>
      </c>
      <c r="C403" s="11" t="s">
        <v>148</v>
      </c>
      <c r="D403" s="23" t="s">
        <v>365</v>
      </c>
      <c r="E403" s="66">
        <v>53227514</v>
      </c>
      <c r="F403" s="23" t="s">
        <v>960</v>
      </c>
      <c r="G403" s="18">
        <v>2500</v>
      </c>
      <c r="H403" s="18">
        <v>3075</v>
      </c>
      <c r="I403" s="25" t="s">
        <v>151</v>
      </c>
      <c r="J403" s="23"/>
    </row>
    <row r="404" spans="1:10" x14ac:dyDescent="0.25">
      <c r="A404" s="10" t="s">
        <v>961</v>
      </c>
      <c r="B404" s="211">
        <v>45779</v>
      </c>
      <c r="C404" s="6" t="s">
        <v>127</v>
      </c>
      <c r="D404" s="6" t="s">
        <v>128</v>
      </c>
      <c r="E404" s="64">
        <v>36795135</v>
      </c>
      <c r="F404" s="6" t="s">
        <v>962</v>
      </c>
      <c r="G404" s="8">
        <v>6648.86</v>
      </c>
      <c r="H404" s="8">
        <v>6648.86</v>
      </c>
      <c r="I404" s="9" t="s">
        <v>963</v>
      </c>
      <c r="J404" s="6"/>
    </row>
    <row r="405" spans="1:10" x14ac:dyDescent="0.25">
      <c r="A405" s="43" t="s">
        <v>964</v>
      </c>
      <c r="B405" s="211">
        <v>45779</v>
      </c>
      <c r="C405" s="19" t="s">
        <v>127</v>
      </c>
      <c r="D405" s="23" t="s">
        <v>128</v>
      </c>
      <c r="E405" s="66">
        <v>36795135</v>
      </c>
      <c r="F405" s="10" t="s">
        <v>965</v>
      </c>
      <c r="G405" s="18">
        <v>2142.4</v>
      </c>
      <c r="H405" s="18">
        <v>2619.73</v>
      </c>
      <c r="I405" s="9" t="s">
        <v>130</v>
      </c>
      <c r="J405" s="23"/>
    </row>
    <row r="406" spans="1:10" x14ac:dyDescent="0.25">
      <c r="A406" s="10" t="s">
        <v>966</v>
      </c>
      <c r="B406" s="211">
        <v>45779</v>
      </c>
      <c r="C406" s="19" t="s">
        <v>127</v>
      </c>
      <c r="D406" s="23" t="s">
        <v>128</v>
      </c>
      <c r="E406" s="66">
        <v>36795135</v>
      </c>
      <c r="F406" s="10" t="s">
        <v>967</v>
      </c>
      <c r="G406" s="12">
        <v>754.2</v>
      </c>
      <c r="H406" s="12">
        <v>927.67</v>
      </c>
      <c r="I406" s="9" t="s">
        <v>968</v>
      </c>
      <c r="J406" s="11"/>
    </row>
    <row r="407" spans="1:10" x14ac:dyDescent="0.25">
      <c r="A407" s="10" t="s">
        <v>969</v>
      </c>
      <c r="B407" s="211">
        <v>45779</v>
      </c>
      <c r="C407" s="10" t="s">
        <v>774</v>
      </c>
      <c r="D407" s="10" t="s">
        <v>775</v>
      </c>
      <c r="E407" s="63">
        <v>36857165</v>
      </c>
      <c r="F407" s="10" t="s">
        <v>970</v>
      </c>
      <c r="G407" s="12">
        <v>4.99</v>
      </c>
      <c r="H407" s="12">
        <v>6.14</v>
      </c>
      <c r="I407" s="11" t="s">
        <v>777</v>
      </c>
      <c r="J407" s="11"/>
    </row>
    <row r="408" spans="1:10" x14ac:dyDescent="0.25">
      <c r="A408" s="43" t="s">
        <v>971</v>
      </c>
      <c r="B408" s="211">
        <v>45779</v>
      </c>
      <c r="C408" s="23" t="s">
        <v>68</v>
      </c>
      <c r="D408" s="23" t="s">
        <v>771</v>
      </c>
      <c r="E408" s="66">
        <v>51906988</v>
      </c>
      <c r="F408" s="16" t="s">
        <v>972</v>
      </c>
      <c r="G408" s="18">
        <v>882.08</v>
      </c>
      <c r="H408" s="18">
        <v>1084.96</v>
      </c>
      <c r="I408" s="25" t="s">
        <v>71</v>
      </c>
      <c r="J408" s="23"/>
    </row>
    <row r="409" spans="1:10" x14ac:dyDescent="0.25">
      <c r="A409" s="10" t="s">
        <v>973</v>
      </c>
      <c r="B409" s="211">
        <v>45782</v>
      </c>
      <c r="C409" s="11" t="s">
        <v>81</v>
      </c>
      <c r="D409" s="23" t="s">
        <v>82</v>
      </c>
      <c r="E409" s="66">
        <v>35697270</v>
      </c>
      <c r="F409" s="23" t="s">
        <v>974</v>
      </c>
      <c r="G409" s="18">
        <v>4.08</v>
      </c>
      <c r="H409" s="18">
        <v>5.0199999999999996</v>
      </c>
      <c r="I409" s="25" t="s">
        <v>84</v>
      </c>
      <c r="J409" s="23"/>
    </row>
    <row r="410" spans="1:10" x14ac:dyDescent="0.25">
      <c r="A410" s="10" t="s">
        <v>975</v>
      </c>
      <c r="B410" s="211">
        <v>45782</v>
      </c>
      <c r="C410" s="11" t="s">
        <v>81</v>
      </c>
      <c r="D410" s="23" t="s">
        <v>82</v>
      </c>
      <c r="E410" s="66">
        <v>35697270</v>
      </c>
      <c r="F410" s="23" t="s">
        <v>974</v>
      </c>
      <c r="G410" s="18">
        <v>4.08</v>
      </c>
      <c r="H410" s="18">
        <v>5.0199999999999996</v>
      </c>
      <c r="I410" s="25" t="s">
        <v>84</v>
      </c>
      <c r="J410" s="23"/>
    </row>
    <row r="411" spans="1:10" x14ac:dyDescent="0.25">
      <c r="A411" s="43" t="s">
        <v>976</v>
      </c>
      <c r="B411" s="211">
        <v>45782</v>
      </c>
      <c r="C411" s="11" t="s">
        <v>472</v>
      </c>
      <c r="D411" s="11" t="s">
        <v>473</v>
      </c>
      <c r="E411" s="63">
        <v>31567282</v>
      </c>
      <c r="F411" s="19" t="s">
        <v>977</v>
      </c>
      <c r="G411" s="18">
        <v>2565</v>
      </c>
      <c r="H411" s="18">
        <v>3154.95</v>
      </c>
      <c r="I411" s="13" t="s">
        <v>475</v>
      </c>
      <c r="J411" s="11" t="s">
        <v>978</v>
      </c>
    </row>
    <row r="412" spans="1:10" x14ac:dyDescent="0.25">
      <c r="A412" s="10" t="s">
        <v>979</v>
      </c>
      <c r="B412" s="211">
        <v>45782</v>
      </c>
      <c r="C412" s="23" t="s">
        <v>139</v>
      </c>
      <c r="D412" s="23" t="s">
        <v>140</v>
      </c>
      <c r="E412" s="66">
        <v>47235713</v>
      </c>
      <c r="F412" s="23" t="s">
        <v>980</v>
      </c>
      <c r="G412" s="18">
        <v>5791.05</v>
      </c>
      <c r="H412" s="18">
        <v>7122.99</v>
      </c>
      <c r="I412" s="25" t="s">
        <v>142</v>
      </c>
      <c r="J412" s="23"/>
    </row>
    <row r="413" spans="1:10" x14ac:dyDescent="0.25">
      <c r="A413" s="10" t="s">
        <v>981</v>
      </c>
      <c r="B413" s="211">
        <v>45782</v>
      </c>
      <c r="C413" s="21" t="s">
        <v>139</v>
      </c>
      <c r="D413" s="22" t="s">
        <v>140</v>
      </c>
      <c r="E413" s="63">
        <v>47235713</v>
      </c>
      <c r="F413" s="11" t="s">
        <v>982</v>
      </c>
      <c r="G413" s="18">
        <v>1747.6</v>
      </c>
      <c r="H413" s="18">
        <v>2149.5500000000002</v>
      </c>
      <c r="I413" s="13" t="s">
        <v>142</v>
      </c>
      <c r="J413" s="36"/>
    </row>
    <row r="414" spans="1:10" x14ac:dyDescent="0.25">
      <c r="A414" s="43" t="s">
        <v>983</v>
      </c>
      <c r="B414" s="211">
        <v>45782</v>
      </c>
      <c r="C414" s="23" t="s">
        <v>139</v>
      </c>
      <c r="D414" s="23" t="s">
        <v>140</v>
      </c>
      <c r="E414" s="66">
        <v>47235713</v>
      </c>
      <c r="F414" s="23" t="s">
        <v>984</v>
      </c>
      <c r="G414" s="18">
        <v>22628.57</v>
      </c>
      <c r="H414" s="18">
        <v>27188.81</v>
      </c>
      <c r="I414" s="25" t="s">
        <v>142</v>
      </c>
      <c r="J414" s="23"/>
    </row>
    <row r="415" spans="1:10" x14ac:dyDescent="0.25">
      <c r="A415" s="10" t="s">
        <v>985</v>
      </c>
      <c r="B415" s="211">
        <v>45782</v>
      </c>
      <c r="C415" s="23" t="s">
        <v>139</v>
      </c>
      <c r="D415" s="23" t="s">
        <v>140</v>
      </c>
      <c r="E415" s="66">
        <v>47235713</v>
      </c>
      <c r="F415" s="23" t="s">
        <v>986</v>
      </c>
      <c r="G415" s="18">
        <v>20</v>
      </c>
      <c r="H415" s="18">
        <v>24.6</v>
      </c>
      <c r="I415" s="25" t="s">
        <v>142</v>
      </c>
      <c r="J415" s="23"/>
    </row>
    <row r="416" spans="1:10" x14ac:dyDescent="0.25">
      <c r="A416" s="10" t="s">
        <v>987</v>
      </c>
      <c r="B416" s="211">
        <v>45782</v>
      </c>
      <c r="C416" s="11" t="s">
        <v>105</v>
      </c>
      <c r="D416" s="23" t="s">
        <v>106</v>
      </c>
      <c r="E416" s="66">
        <v>31327681</v>
      </c>
      <c r="F416" t="s">
        <v>988</v>
      </c>
      <c r="G416" s="18">
        <v>6432.73</v>
      </c>
      <c r="H416" s="18">
        <v>7912.26</v>
      </c>
      <c r="I416" s="13" t="s">
        <v>108</v>
      </c>
      <c r="J416" s="11">
        <v>142025</v>
      </c>
    </row>
    <row r="417" spans="1:10" x14ac:dyDescent="0.25">
      <c r="A417" s="43" t="s">
        <v>989</v>
      </c>
      <c r="B417" s="211">
        <v>45782</v>
      </c>
      <c r="C417" s="11" t="s">
        <v>357</v>
      </c>
      <c r="D417" s="6" t="s">
        <v>358</v>
      </c>
      <c r="E417" s="64">
        <v>36250481</v>
      </c>
      <c r="F417" s="11" t="s">
        <v>990</v>
      </c>
      <c r="G417" s="18">
        <v>3500</v>
      </c>
      <c r="H417" s="18">
        <v>4305</v>
      </c>
      <c r="I417" s="13" t="s">
        <v>387</v>
      </c>
      <c r="J417" s="11"/>
    </row>
    <row r="418" spans="1:10" x14ac:dyDescent="0.25">
      <c r="A418" s="10" t="s">
        <v>991</v>
      </c>
      <c r="B418" s="211">
        <v>45782</v>
      </c>
      <c r="C418" s="6" t="s">
        <v>164</v>
      </c>
      <c r="D418" s="6" t="s">
        <v>165</v>
      </c>
      <c r="E418" s="70">
        <v>43799485</v>
      </c>
      <c r="F418" s="6" t="s">
        <v>992</v>
      </c>
      <c r="G418" s="18">
        <v>3000</v>
      </c>
      <c r="H418" s="18">
        <v>3670</v>
      </c>
      <c r="I418" s="9" t="s">
        <v>167</v>
      </c>
      <c r="J418" s="6"/>
    </row>
    <row r="419" spans="1:10" x14ac:dyDescent="0.25">
      <c r="A419" s="10" t="s">
        <v>993</v>
      </c>
      <c r="B419" s="211">
        <v>45782</v>
      </c>
      <c r="C419" s="6" t="s">
        <v>164</v>
      </c>
      <c r="D419" s="6" t="s">
        <v>165</v>
      </c>
      <c r="E419" s="64">
        <v>43799485</v>
      </c>
      <c r="F419" s="6" t="s">
        <v>994</v>
      </c>
      <c r="G419" s="18">
        <v>17868.330000000002</v>
      </c>
      <c r="H419" s="18">
        <v>18006.330000000002</v>
      </c>
      <c r="I419" s="9" t="s">
        <v>167</v>
      </c>
      <c r="J419" s="6"/>
    </row>
    <row r="420" spans="1:10" x14ac:dyDescent="0.25">
      <c r="A420" s="43" t="s">
        <v>995</v>
      </c>
      <c r="B420" s="211">
        <v>45782</v>
      </c>
      <c r="C420" s="23" t="s">
        <v>73</v>
      </c>
      <c r="D420" s="26" t="s">
        <v>74</v>
      </c>
      <c r="E420" s="72">
        <v>35763469</v>
      </c>
      <c r="F420" s="26" t="s">
        <v>996</v>
      </c>
      <c r="G420" s="18">
        <v>8032.52</v>
      </c>
      <c r="H420" s="18">
        <v>9877.5400000000009</v>
      </c>
      <c r="I420" s="9" t="s">
        <v>76</v>
      </c>
      <c r="J420" s="6"/>
    </row>
    <row r="421" spans="1:10" x14ac:dyDescent="0.25">
      <c r="A421" s="10" t="s">
        <v>997</v>
      </c>
      <c r="B421" s="211">
        <v>45783</v>
      </c>
      <c r="C421" s="11" t="s">
        <v>15</v>
      </c>
      <c r="D421" s="16" t="s">
        <v>16</v>
      </c>
      <c r="E421" s="65">
        <v>35722533</v>
      </c>
      <c r="F421" s="16" t="s">
        <v>998</v>
      </c>
      <c r="G421" s="18">
        <v>3526</v>
      </c>
      <c r="H421" s="18">
        <v>4336.9799999999996</v>
      </c>
      <c r="I421" s="13" t="s">
        <v>18</v>
      </c>
      <c r="J421" s="6"/>
    </row>
    <row r="422" spans="1:10" x14ac:dyDescent="0.25">
      <c r="A422" s="10" t="s">
        <v>999</v>
      </c>
      <c r="B422" s="211">
        <v>45783</v>
      </c>
      <c r="C422" s="6" t="s">
        <v>357</v>
      </c>
      <c r="D422" s="6" t="s">
        <v>358</v>
      </c>
      <c r="E422" s="64">
        <v>36250481</v>
      </c>
      <c r="F422" s="23" t="s">
        <v>1000</v>
      </c>
      <c r="G422" s="18">
        <v>34825.5</v>
      </c>
      <c r="H422" s="18">
        <v>42835.37</v>
      </c>
      <c r="I422" s="9" t="s">
        <v>360</v>
      </c>
      <c r="J422" s="11" t="s">
        <v>1001</v>
      </c>
    </row>
    <row r="423" spans="1:10" x14ac:dyDescent="0.25">
      <c r="A423" s="43" t="s">
        <v>1002</v>
      </c>
      <c r="B423" s="211">
        <v>45783</v>
      </c>
      <c r="C423" s="10" t="s">
        <v>455</v>
      </c>
      <c r="D423" s="10" t="s">
        <v>607</v>
      </c>
      <c r="E423" s="63">
        <v>31609058</v>
      </c>
      <c r="F423" s="10" t="s">
        <v>1003</v>
      </c>
      <c r="G423" s="12">
        <v>608.20000000000005</v>
      </c>
      <c r="H423" s="12">
        <v>748.09</v>
      </c>
      <c r="I423" s="11" t="s">
        <v>458</v>
      </c>
      <c r="J423" s="11"/>
    </row>
    <row r="424" spans="1:10" x14ac:dyDescent="0.25">
      <c r="A424" s="10" t="s">
        <v>1004</v>
      </c>
      <c r="B424" s="211">
        <v>45783</v>
      </c>
      <c r="C424" s="17" t="s">
        <v>95</v>
      </c>
      <c r="D424" s="17" t="s">
        <v>96</v>
      </c>
      <c r="E424" s="60">
        <v>31322832</v>
      </c>
      <c r="F424" s="11" t="s">
        <v>1005</v>
      </c>
      <c r="G424" s="12">
        <v>3394.33</v>
      </c>
      <c r="H424" s="18">
        <v>4169.3100000000004</v>
      </c>
      <c r="I424" s="62" t="s">
        <v>98</v>
      </c>
      <c r="J424" s="11"/>
    </row>
    <row r="425" spans="1:10" x14ac:dyDescent="0.25">
      <c r="A425" s="10" t="s">
        <v>1006</v>
      </c>
      <c r="B425" s="211">
        <v>45783</v>
      </c>
      <c r="C425" s="11" t="s">
        <v>1007</v>
      </c>
      <c r="D425" s="11" t="s">
        <v>1008</v>
      </c>
      <c r="E425" s="63">
        <v>60163755</v>
      </c>
      <c r="F425" s="11" t="s">
        <v>1009</v>
      </c>
      <c r="G425" s="18" t="s">
        <v>1010</v>
      </c>
      <c r="H425" s="18" t="s">
        <v>1010</v>
      </c>
      <c r="I425" s="13"/>
      <c r="J425" s="11">
        <v>972025</v>
      </c>
    </row>
    <row r="426" spans="1:10" x14ac:dyDescent="0.25">
      <c r="A426" s="43" t="s">
        <v>1011</v>
      </c>
      <c r="B426" s="211">
        <v>45783</v>
      </c>
      <c r="C426" s="11" t="s">
        <v>1007</v>
      </c>
      <c r="D426" s="11" t="s">
        <v>1008</v>
      </c>
      <c r="E426" s="63">
        <v>60163755</v>
      </c>
      <c r="F426" s="11" t="s">
        <v>1009</v>
      </c>
      <c r="G426" s="18" t="s">
        <v>1010</v>
      </c>
      <c r="H426" s="18" t="s">
        <v>1010</v>
      </c>
      <c r="I426" s="11"/>
      <c r="J426" s="11">
        <v>972025</v>
      </c>
    </row>
    <row r="427" spans="1:10" x14ac:dyDescent="0.25">
      <c r="A427" s="10" t="s">
        <v>1012</v>
      </c>
      <c r="B427" s="211">
        <v>45783</v>
      </c>
      <c r="C427" s="11" t="s">
        <v>1007</v>
      </c>
      <c r="D427" s="11" t="s">
        <v>1008</v>
      </c>
      <c r="E427" s="63">
        <v>60163755</v>
      </c>
      <c r="F427" s="11" t="s">
        <v>1009</v>
      </c>
      <c r="G427" s="18" t="s">
        <v>1010</v>
      </c>
      <c r="H427" s="18" t="s">
        <v>1010</v>
      </c>
      <c r="I427" s="11"/>
      <c r="J427" s="11">
        <v>972025</v>
      </c>
    </row>
    <row r="428" spans="1:10" x14ac:dyDescent="0.25">
      <c r="A428" s="10" t="s">
        <v>1013</v>
      </c>
      <c r="B428" s="211">
        <v>45783</v>
      </c>
      <c r="C428" s="11" t="s">
        <v>1007</v>
      </c>
      <c r="D428" s="11" t="s">
        <v>1008</v>
      </c>
      <c r="E428" s="63">
        <v>60163755</v>
      </c>
      <c r="F428" s="11" t="s">
        <v>1009</v>
      </c>
      <c r="G428" s="18" t="s">
        <v>1010</v>
      </c>
      <c r="H428" s="18" t="s">
        <v>1010</v>
      </c>
      <c r="I428" s="11"/>
      <c r="J428" s="11">
        <v>972025</v>
      </c>
    </row>
    <row r="429" spans="1:10" x14ac:dyDescent="0.25">
      <c r="A429" s="43" t="s">
        <v>1014</v>
      </c>
      <c r="B429" s="211">
        <v>45783</v>
      </c>
      <c r="C429" s="11" t="s">
        <v>1007</v>
      </c>
      <c r="D429" s="11" t="s">
        <v>1008</v>
      </c>
      <c r="E429" s="63">
        <v>60163755</v>
      </c>
      <c r="F429" s="11" t="s">
        <v>1009</v>
      </c>
      <c r="G429" s="18" t="s">
        <v>1010</v>
      </c>
      <c r="H429" s="18" t="s">
        <v>1010</v>
      </c>
      <c r="I429" s="11"/>
      <c r="J429" s="11">
        <v>972025</v>
      </c>
    </row>
    <row r="430" spans="1:10" x14ac:dyDescent="0.25">
      <c r="A430" s="10" t="s">
        <v>1015</v>
      </c>
      <c r="B430" s="211">
        <v>45783</v>
      </c>
      <c r="C430" s="6" t="s">
        <v>357</v>
      </c>
      <c r="D430" s="6" t="s">
        <v>358</v>
      </c>
      <c r="E430" s="64">
        <v>36250481</v>
      </c>
      <c r="F430" s="23" t="s">
        <v>1016</v>
      </c>
      <c r="G430" s="18">
        <v>2080</v>
      </c>
      <c r="H430" s="18">
        <v>2558.4</v>
      </c>
      <c r="I430" s="9" t="s">
        <v>360</v>
      </c>
      <c r="J430" s="11">
        <v>912025</v>
      </c>
    </row>
    <row r="431" spans="1:10" x14ac:dyDescent="0.25">
      <c r="A431" s="10" t="s">
        <v>1017</v>
      </c>
      <c r="B431" s="211">
        <v>45784</v>
      </c>
      <c r="C431" s="23" t="s">
        <v>63</v>
      </c>
      <c r="D431" s="23" t="s">
        <v>64</v>
      </c>
      <c r="E431" s="66">
        <v>35872900</v>
      </c>
      <c r="F431" t="s">
        <v>1018</v>
      </c>
      <c r="G431" s="18">
        <v>2000</v>
      </c>
      <c r="H431" s="18">
        <v>2460</v>
      </c>
      <c r="I431" s="35" t="s">
        <v>66</v>
      </c>
      <c r="J431" s="23">
        <v>1152025</v>
      </c>
    </row>
    <row r="432" spans="1:10" x14ac:dyDescent="0.25">
      <c r="A432" s="43" t="s">
        <v>1019</v>
      </c>
      <c r="B432" s="211">
        <v>45784</v>
      </c>
      <c r="C432" s="23" t="s">
        <v>44</v>
      </c>
      <c r="D432" s="23" t="s">
        <v>45</v>
      </c>
      <c r="E432" s="66">
        <v>35731851</v>
      </c>
      <c r="F432" s="23" t="s">
        <v>1020</v>
      </c>
      <c r="G432" s="18">
        <v>350</v>
      </c>
      <c r="H432" s="18">
        <v>430.5</v>
      </c>
      <c r="I432" s="25" t="s">
        <v>47</v>
      </c>
      <c r="J432" s="23">
        <v>1792024</v>
      </c>
    </row>
    <row r="433" spans="1:10" x14ac:dyDescent="0.25">
      <c r="A433" s="10" t="s">
        <v>1021</v>
      </c>
      <c r="B433" s="211">
        <v>45784</v>
      </c>
      <c r="C433" s="23" t="s">
        <v>44</v>
      </c>
      <c r="D433" s="23" t="s">
        <v>45</v>
      </c>
      <c r="E433" s="66">
        <v>35731851</v>
      </c>
      <c r="F433" s="23" t="s">
        <v>1022</v>
      </c>
      <c r="G433" s="18">
        <v>350</v>
      </c>
      <c r="H433" s="18">
        <v>430.5</v>
      </c>
      <c r="I433" s="25" t="s">
        <v>47</v>
      </c>
      <c r="J433" s="23">
        <v>1792024</v>
      </c>
    </row>
    <row r="434" spans="1:10" x14ac:dyDescent="0.25">
      <c r="A434" s="10" t="s">
        <v>1023</v>
      </c>
      <c r="B434" s="211">
        <v>45784</v>
      </c>
      <c r="C434" s="23" t="s">
        <v>44</v>
      </c>
      <c r="D434" s="23" t="s">
        <v>45</v>
      </c>
      <c r="E434" s="66">
        <v>35731851</v>
      </c>
      <c r="F434" s="23" t="s">
        <v>1024</v>
      </c>
      <c r="G434" s="18">
        <v>350</v>
      </c>
      <c r="H434" s="18">
        <v>430.5</v>
      </c>
      <c r="I434" s="25" t="s">
        <v>47</v>
      </c>
      <c r="J434" s="23">
        <v>1792024</v>
      </c>
    </row>
    <row r="435" spans="1:10" x14ac:dyDescent="0.25">
      <c r="A435" s="43" t="s">
        <v>1025</v>
      </c>
      <c r="B435" s="211">
        <v>45784</v>
      </c>
      <c r="C435" s="23" t="s">
        <v>44</v>
      </c>
      <c r="D435" s="23" t="s">
        <v>45</v>
      </c>
      <c r="E435" s="66">
        <v>35731851</v>
      </c>
      <c r="F435" s="23" t="s">
        <v>1026</v>
      </c>
      <c r="G435" s="18">
        <v>350</v>
      </c>
      <c r="H435" s="18">
        <v>430.5</v>
      </c>
      <c r="I435" s="25" t="s">
        <v>47</v>
      </c>
      <c r="J435" s="23">
        <v>1792024</v>
      </c>
    </row>
    <row r="436" spans="1:10" x14ac:dyDescent="0.25">
      <c r="A436" s="10" t="s">
        <v>1027</v>
      </c>
      <c r="B436" s="211">
        <v>45784</v>
      </c>
      <c r="C436" s="23" t="s">
        <v>44</v>
      </c>
      <c r="D436" s="23" t="s">
        <v>45</v>
      </c>
      <c r="E436" s="66">
        <v>35731851</v>
      </c>
      <c r="F436" s="23" t="s">
        <v>1028</v>
      </c>
      <c r="G436" s="18">
        <v>350</v>
      </c>
      <c r="H436" s="18">
        <v>430.5</v>
      </c>
      <c r="I436" s="25" t="s">
        <v>47</v>
      </c>
      <c r="J436" s="23">
        <v>1792024</v>
      </c>
    </row>
    <row r="437" spans="1:10" x14ac:dyDescent="0.25">
      <c r="A437" s="10" t="s">
        <v>1029</v>
      </c>
      <c r="B437" s="211">
        <v>45784</v>
      </c>
      <c r="C437" s="23" t="s">
        <v>44</v>
      </c>
      <c r="D437" s="23" t="s">
        <v>45</v>
      </c>
      <c r="E437" s="66">
        <v>35731851</v>
      </c>
      <c r="F437" s="23" t="s">
        <v>1030</v>
      </c>
      <c r="G437" s="18">
        <v>350</v>
      </c>
      <c r="H437" s="18">
        <v>430.5</v>
      </c>
      <c r="I437" s="25" t="s">
        <v>47</v>
      </c>
      <c r="J437" s="23">
        <v>1792024</v>
      </c>
    </row>
    <row r="438" spans="1:10" x14ac:dyDescent="0.25">
      <c r="A438" s="43" t="s">
        <v>1031</v>
      </c>
      <c r="B438" s="211">
        <v>45784</v>
      </c>
      <c r="C438" s="23" t="s">
        <v>44</v>
      </c>
      <c r="D438" s="23" t="s">
        <v>45</v>
      </c>
      <c r="E438" s="66">
        <v>35731851</v>
      </c>
      <c r="F438" s="23" t="s">
        <v>1032</v>
      </c>
      <c r="G438" s="18">
        <v>350</v>
      </c>
      <c r="H438" s="18">
        <v>430.5</v>
      </c>
      <c r="I438" s="25" t="s">
        <v>47</v>
      </c>
      <c r="J438" s="23">
        <v>1792024</v>
      </c>
    </row>
    <row r="439" spans="1:10" x14ac:dyDescent="0.25">
      <c r="A439" s="10" t="s">
        <v>1033</v>
      </c>
      <c r="B439" s="211">
        <v>45784</v>
      </c>
      <c r="C439" s="23" t="s">
        <v>44</v>
      </c>
      <c r="D439" s="23" t="s">
        <v>45</v>
      </c>
      <c r="E439" s="66">
        <v>35731851</v>
      </c>
      <c r="F439" s="23" t="s">
        <v>1034</v>
      </c>
      <c r="G439" s="18">
        <v>350</v>
      </c>
      <c r="H439" s="18">
        <v>430.5</v>
      </c>
      <c r="I439" s="25" t="s">
        <v>47</v>
      </c>
      <c r="J439" s="23">
        <v>1792024</v>
      </c>
    </row>
    <row r="440" spans="1:10" x14ac:dyDescent="0.25">
      <c r="A440" s="10" t="s">
        <v>1035</v>
      </c>
      <c r="B440" s="211">
        <v>45784</v>
      </c>
      <c r="C440" s="11" t="s">
        <v>155</v>
      </c>
      <c r="D440" s="11" t="s">
        <v>156</v>
      </c>
      <c r="E440" s="63">
        <v>36687936</v>
      </c>
      <c r="F440" s="11" t="s">
        <v>1036</v>
      </c>
      <c r="G440" s="18">
        <v>19323.099999999999</v>
      </c>
      <c r="H440" s="18">
        <v>19714.099999999999</v>
      </c>
      <c r="I440" s="13" t="s">
        <v>158</v>
      </c>
      <c r="J440" s="11"/>
    </row>
    <row r="441" spans="1:10" x14ac:dyDescent="0.25">
      <c r="A441" s="43" t="s">
        <v>1037</v>
      </c>
      <c r="B441" s="211">
        <v>45784</v>
      </c>
      <c r="C441" s="11" t="s">
        <v>155</v>
      </c>
      <c r="D441" s="11" t="s">
        <v>156</v>
      </c>
      <c r="E441" s="63">
        <v>36687936</v>
      </c>
      <c r="F441" s="11" t="s">
        <v>1038</v>
      </c>
      <c r="G441" s="18">
        <v>4386</v>
      </c>
      <c r="H441" s="18">
        <v>5394.78</v>
      </c>
      <c r="I441" s="13" t="s">
        <v>158</v>
      </c>
      <c r="J441" s="11"/>
    </row>
    <row r="442" spans="1:10" x14ac:dyDescent="0.25">
      <c r="A442" s="10" t="s">
        <v>1039</v>
      </c>
      <c r="B442" s="211">
        <v>45784</v>
      </c>
      <c r="C442" s="11" t="s">
        <v>155</v>
      </c>
      <c r="D442" s="11" t="s">
        <v>156</v>
      </c>
      <c r="E442" s="63">
        <v>36687936</v>
      </c>
      <c r="F442" s="11" t="s">
        <v>1040</v>
      </c>
      <c r="G442" s="18">
        <v>2777.8</v>
      </c>
      <c r="H442" s="18">
        <v>3416.69</v>
      </c>
      <c r="I442" s="13" t="s">
        <v>158</v>
      </c>
      <c r="J442" s="11"/>
    </row>
    <row r="443" spans="1:10" x14ac:dyDescent="0.25">
      <c r="A443" s="10" t="s">
        <v>1041</v>
      </c>
      <c r="B443" s="211">
        <v>45790</v>
      </c>
      <c r="C443" s="16" t="s">
        <v>450</v>
      </c>
      <c r="D443" s="6" t="s">
        <v>451</v>
      </c>
      <c r="E443" s="64">
        <v>32627211</v>
      </c>
      <c r="F443" s="16" t="s">
        <v>1042</v>
      </c>
      <c r="G443" s="8">
        <v>1867.14</v>
      </c>
      <c r="H443" s="8">
        <v>2296.58</v>
      </c>
      <c r="I443" s="13" t="s">
        <v>1043</v>
      </c>
      <c r="J443" s="6">
        <v>1132025</v>
      </c>
    </row>
    <row r="444" spans="1:10" x14ac:dyDescent="0.25">
      <c r="A444" s="43" t="s">
        <v>1044</v>
      </c>
      <c r="B444" s="211">
        <v>45790</v>
      </c>
      <c r="C444" s="11" t="s">
        <v>455</v>
      </c>
      <c r="D444" s="6" t="s">
        <v>607</v>
      </c>
      <c r="E444" s="64">
        <v>31609058</v>
      </c>
      <c r="F444" s="6" t="s">
        <v>1045</v>
      </c>
      <c r="G444" s="18">
        <v>720</v>
      </c>
      <c r="H444" s="18">
        <v>885.6</v>
      </c>
      <c r="I444" s="9" t="s">
        <v>458</v>
      </c>
      <c r="J444" s="11"/>
    </row>
    <row r="445" spans="1:10" x14ac:dyDescent="0.25">
      <c r="A445" s="10" t="s">
        <v>1046</v>
      </c>
      <c r="B445" s="211">
        <v>45786</v>
      </c>
      <c r="C445" s="10" t="s">
        <v>914</v>
      </c>
      <c r="D445" s="10" t="s">
        <v>915</v>
      </c>
      <c r="E445" s="63">
        <v>35752831</v>
      </c>
      <c r="F445" s="10" t="s">
        <v>1047</v>
      </c>
      <c r="G445" s="12">
        <v>203.73</v>
      </c>
      <c r="H445" s="12">
        <v>250.59</v>
      </c>
      <c r="I445" s="135" t="s">
        <v>917</v>
      </c>
      <c r="J445" s="11"/>
    </row>
    <row r="446" spans="1:10" x14ac:dyDescent="0.25">
      <c r="A446" s="10" t="s">
        <v>1048</v>
      </c>
      <c r="B446" s="211">
        <v>45786</v>
      </c>
      <c r="C446" s="10" t="s">
        <v>914</v>
      </c>
      <c r="D446" s="10" t="s">
        <v>915</v>
      </c>
      <c r="E446" s="63">
        <v>35752831</v>
      </c>
      <c r="F446" s="10" t="s">
        <v>1049</v>
      </c>
      <c r="G446" s="12">
        <v>129.74</v>
      </c>
      <c r="H446" s="12">
        <v>159.58000000000001</v>
      </c>
      <c r="I446" s="135" t="s">
        <v>920</v>
      </c>
      <c r="J446" s="11"/>
    </row>
    <row r="447" spans="1:10" x14ac:dyDescent="0.25">
      <c r="A447" s="43" t="s">
        <v>1050</v>
      </c>
      <c r="B447" s="211">
        <v>45786</v>
      </c>
      <c r="C447" s="10" t="s">
        <v>177</v>
      </c>
      <c r="D447" s="10" t="s">
        <v>172</v>
      </c>
      <c r="E447" s="63">
        <v>53528654</v>
      </c>
      <c r="F447" s="10" t="s">
        <v>1051</v>
      </c>
      <c r="G447" s="12">
        <v>4219.38</v>
      </c>
      <c r="H447" s="12">
        <v>4219.38</v>
      </c>
      <c r="I447" s="31" t="s">
        <v>180</v>
      </c>
      <c r="J447" s="11">
        <v>1222025</v>
      </c>
    </row>
    <row r="448" spans="1:10" x14ac:dyDescent="0.25">
      <c r="A448" s="10" t="s">
        <v>1052</v>
      </c>
      <c r="B448" s="211">
        <v>45784</v>
      </c>
      <c r="C448" s="11" t="s">
        <v>182</v>
      </c>
      <c r="D448" s="11" t="s">
        <v>183</v>
      </c>
      <c r="E448" s="63">
        <v>48059528</v>
      </c>
      <c r="F448" s="11" t="s">
        <v>1053</v>
      </c>
      <c r="G448" s="18">
        <v>2605.71</v>
      </c>
      <c r="H448" s="18">
        <v>2736</v>
      </c>
      <c r="I448" s="13" t="s">
        <v>185</v>
      </c>
      <c r="J448" s="11"/>
    </row>
    <row r="449" spans="1:10" x14ac:dyDescent="0.25">
      <c r="A449" s="10" t="s">
        <v>1054</v>
      </c>
      <c r="B449" s="211">
        <v>45784</v>
      </c>
      <c r="C449" s="6" t="s">
        <v>155</v>
      </c>
      <c r="D449" s="6" t="s">
        <v>156</v>
      </c>
      <c r="E449" s="64">
        <v>36687938</v>
      </c>
      <c r="F449" s="6" t="s">
        <v>1055</v>
      </c>
      <c r="G449" s="18">
        <v>14.98</v>
      </c>
      <c r="H449" s="18">
        <v>17.829999999999998</v>
      </c>
      <c r="I449" s="9" t="s">
        <v>158</v>
      </c>
      <c r="J449" s="6"/>
    </row>
    <row r="450" spans="1:10" x14ac:dyDescent="0.25">
      <c r="A450" s="43" t="s">
        <v>1056</v>
      </c>
      <c r="B450" s="211">
        <v>45784</v>
      </c>
      <c r="C450" s="6" t="s">
        <v>155</v>
      </c>
      <c r="D450" s="6" t="s">
        <v>156</v>
      </c>
      <c r="E450" s="64">
        <v>36687938</v>
      </c>
      <c r="F450" s="6" t="s">
        <v>1057</v>
      </c>
      <c r="G450" s="18">
        <v>305.94</v>
      </c>
      <c r="H450" s="18">
        <v>364.07</v>
      </c>
      <c r="I450" s="9" t="s">
        <v>158</v>
      </c>
      <c r="J450" s="6"/>
    </row>
    <row r="451" spans="1:10" x14ac:dyDescent="0.25">
      <c r="A451" s="10" t="s">
        <v>1058</v>
      </c>
      <c r="B451" s="211">
        <v>45789</v>
      </c>
      <c r="C451" s="11" t="s">
        <v>472</v>
      </c>
      <c r="D451" s="11" t="s">
        <v>473</v>
      </c>
      <c r="E451" s="63">
        <v>31567282</v>
      </c>
      <c r="F451" s="17" t="s">
        <v>1059</v>
      </c>
      <c r="G451" s="18">
        <v>9890</v>
      </c>
      <c r="H451" s="18">
        <v>12164.7</v>
      </c>
      <c r="I451" s="13" t="s">
        <v>475</v>
      </c>
      <c r="J451" s="11" t="s">
        <v>1060</v>
      </c>
    </row>
    <row r="452" spans="1:10" x14ac:dyDescent="0.25">
      <c r="A452" s="10" t="s">
        <v>1061</v>
      </c>
      <c r="B452" s="211">
        <v>45789</v>
      </c>
      <c r="C452" s="10" t="s">
        <v>1062</v>
      </c>
      <c r="D452" s="10" t="s">
        <v>1063</v>
      </c>
      <c r="E452" s="63">
        <v>54126428</v>
      </c>
      <c r="F452" s="10" t="s">
        <v>1064</v>
      </c>
      <c r="G452" s="12">
        <v>1587</v>
      </c>
      <c r="H452" s="12">
        <v>1952</v>
      </c>
      <c r="I452" s="11"/>
      <c r="J452" s="11">
        <v>732025</v>
      </c>
    </row>
    <row r="453" spans="1:10" x14ac:dyDescent="0.25">
      <c r="A453" s="43" t="s">
        <v>1065</v>
      </c>
      <c r="B453" s="211">
        <v>45789</v>
      </c>
      <c r="C453" s="10" t="s">
        <v>922</v>
      </c>
      <c r="D453" s="10" t="s">
        <v>1063</v>
      </c>
      <c r="E453" s="63">
        <v>151866</v>
      </c>
      <c r="F453" s="10" t="s">
        <v>1066</v>
      </c>
      <c r="G453" s="12">
        <v>111.52</v>
      </c>
      <c r="H453" s="12">
        <v>111.52</v>
      </c>
      <c r="I453" s="11" t="s">
        <v>1067</v>
      </c>
      <c r="J453" s="11"/>
    </row>
    <row r="454" spans="1:10" x14ac:dyDescent="0.25">
      <c r="A454" s="10" t="s">
        <v>1068</v>
      </c>
      <c r="B454" s="211">
        <v>45790</v>
      </c>
      <c r="C454" s="17" t="s">
        <v>187</v>
      </c>
      <c r="D454" s="17" t="s">
        <v>188</v>
      </c>
      <c r="E454" s="60">
        <v>35954612</v>
      </c>
      <c r="F454" s="11" t="s">
        <v>1069</v>
      </c>
      <c r="G454" s="18">
        <v>1254.73</v>
      </c>
      <c r="H454" s="18">
        <v>1543.32</v>
      </c>
      <c r="I454" s="13" t="s">
        <v>190</v>
      </c>
      <c r="J454" s="6">
        <v>962025</v>
      </c>
    </row>
    <row r="455" spans="1:10" x14ac:dyDescent="0.25">
      <c r="A455" s="10" t="s">
        <v>1070</v>
      </c>
      <c r="B455" s="211">
        <v>45790</v>
      </c>
      <c r="C455" s="17" t="s">
        <v>187</v>
      </c>
      <c r="D455" s="17" t="s">
        <v>188</v>
      </c>
      <c r="E455" s="60">
        <v>35954612</v>
      </c>
      <c r="F455" s="11" t="s">
        <v>1071</v>
      </c>
      <c r="G455" s="18">
        <v>1240</v>
      </c>
      <c r="H455" s="18">
        <v>1525.2</v>
      </c>
      <c r="I455" s="13" t="s">
        <v>190</v>
      </c>
      <c r="J455" s="6">
        <v>962025</v>
      </c>
    </row>
    <row r="456" spans="1:10" x14ac:dyDescent="0.25">
      <c r="A456" s="43" t="s">
        <v>1072</v>
      </c>
      <c r="B456" s="211">
        <v>45790</v>
      </c>
      <c r="C456" s="17" t="s">
        <v>187</v>
      </c>
      <c r="D456" s="17" t="s">
        <v>188</v>
      </c>
      <c r="E456" s="60">
        <v>35954612</v>
      </c>
      <c r="F456" s="17" t="s">
        <v>1073</v>
      </c>
      <c r="G456" s="18">
        <v>1270.3900000000001</v>
      </c>
      <c r="H456" s="18">
        <v>1562.58</v>
      </c>
      <c r="I456" s="62" t="s">
        <v>190</v>
      </c>
      <c r="J456" s="6">
        <v>962025</v>
      </c>
    </row>
    <row r="457" spans="1:10" x14ac:dyDescent="0.25">
      <c r="A457" s="10" t="s">
        <v>1074</v>
      </c>
      <c r="B457" s="211">
        <v>45790</v>
      </c>
      <c r="C457" s="17" t="s">
        <v>187</v>
      </c>
      <c r="D457" s="17" t="s">
        <v>188</v>
      </c>
      <c r="E457" s="60">
        <v>35954612</v>
      </c>
      <c r="F457" s="11" t="s">
        <v>1075</v>
      </c>
      <c r="G457" s="18">
        <v>1253.78</v>
      </c>
      <c r="H457" s="18">
        <v>1542.15</v>
      </c>
      <c r="I457" s="13" t="s">
        <v>190</v>
      </c>
      <c r="J457" s="6">
        <v>962025</v>
      </c>
    </row>
    <row r="458" spans="1:10" x14ac:dyDescent="0.25">
      <c r="A458" s="10" t="s">
        <v>1076</v>
      </c>
      <c r="B458" s="211">
        <v>45790</v>
      </c>
      <c r="C458" s="17" t="s">
        <v>187</v>
      </c>
      <c r="D458" s="17" t="s">
        <v>188</v>
      </c>
      <c r="E458" s="60">
        <v>35954612</v>
      </c>
      <c r="F458" s="11" t="s">
        <v>1077</v>
      </c>
      <c r="G458" s="18">
        <v>1232.45</v>
      </c>
      <c r="H458" s="18">
        <v>1515.91</v>
      </c>
      <c r="I458" s="13" t="s">
        <v>190</v>
      </c>
      <c r="J458" s="6">
        <v>962025</v>
      </c>
    </row>
    <row r="459" spans="1:10" x14ac:dyDescent="0.25">
      <c r="A459" s="43" t="s">
        <v>1078</v>
      </c>
      <c r="B459" s="211">
        <v>45790</v>
      </c>
      <c r="C459" s="17" t="s">
        <v>187</v>
      </c>
      <c r="D459" s="17" t="s">
        <v>188</v>
      </c>
      <c r="E459" s="60">
        <v>35954612</v>
      </c>
      <c r="F459" s="11" t="s">
        <v>1079</v>
      </c>
      <c r="G459" s="18">
        <v>1285.21</v>
      </c>
      <c r="H459" s="18">
        <v>1580.81</v>
      </c>
      <c r="I459" s="13" t="s">
        <v>190</v>
      </c>
      <c r="J459" s="6">
        <v>962025</v>
      </c>
    </row>
    <row r="460" spans="1:10" x14ac:dyDescent="0.25">
      <c r="A460" s="10" t="s">
        <v>1080</v>
      </c>
      <c r="B460" s="211">
        <v>45790</v>
      </c>
      <c r="C460" s="17" t="s">
        <v>187</v>
      </c>
      <c r="D460" s="17" t="s">
        <v>188</v>
      </c>
      <c r="E460" s="60">
        <v>35954612</v>
      </c>
      <c r="F460" s="11" t="s">
        <v>1081</v>
      </c>
      <c r="G460" s="8">
        <v>1242.8499999999999</v>
      </c>
      <c r="H460" s="8">
        <v>1528.71</v>
      </c>
      <c r="I460" s="13" t="s">
        <v>190</v>
      </c>
      <c r="J460" s="6">
        <v>962025</v>
      </c>
    </row>
    <row r="461" spans="1:10" x14ac:dyDescent="0.25">
      <c r="A461" s="10" t="s">
        <v>1082</v>
      </c>
      <c r="B461" s="211">
        <v>45790</v>
      </c>
      <c r="C461" s="17" t="s">
        <v>187</v>
      </c>
      <c r="D461" s="17" t="s">
        <v>188</v>
      </c>
      <c r="E461" s="60">
        <v>35954612</v>
      </c>
      <c r="F461" s="6" t="s">
        <v>1083</v>
      </c>
      <c r="G461" s="18">
        <v>7025.61</v>
      </c>
      <c r="H461" s="18">
        <v>8641.5</v>
      </c>
      <c r="I461" s="9" t="s">
        <v>190</v>
      </c>
      <c r="J461" s="6">
        <v>962025</v>
      </c>
    </row>
    <row r="462" spans="1:10" x14ac:dyDescent="0.25">
      <c r="A462" s="43" t="s">
        <v>1084</v>
      </c>
      <c r="B462" s="211">
        <v>45790</v>
      </c>
      <c r="C462" s="17" t="s">
        <v>187</v>
      </c>
      <c r="D462" s="17" t="s">
        <v>188</v>
      </c>
      <c r="E462" s="60">
        <v>35954612</v>
      </c>
      <c r="F462" s="17" t="s">
        <v>1085</v>
      </c>
      <c r="G462" s="18">
        <v>7520</v>
      </c>
      <c r="H462" s="18">
        <v>9249.6</v>
      </c>
      <c r="I462" s="13" t="s">
        <v>223</v>
      </c>
      <c r="J462" s="11">
        <v>952025</v>
      </c>
    </row>
    <row r="463" spans="1:10" x14ac:dyDescent="0.25">
      <c r="A463" s="10" t="s">
        <v>1086</v>
      </c>
      <c r="B463" s="211">
        <v>45790</v>
      </c>
      <c r="C463" s="17" t="s">
        <v>187</v>
      </c>
      <c r="D463" s="17" t="s">
        <v>188</v>
      </c>
      <c r="E463" s="60">
        <v>35954612</v>
      </c>
      <c r="F463" s="17" t="s">
        <v>1087</v>
      </c>
      <c r="G463" s="18">
        <v>6560</v>
      </c>
      <c r="H463" s="18">
        <v>8068.8</v>
      </c>
      <c r="I463" s="13" t="s">
        <v>223</v>
      </c>
      <c r="J463" s="11">
        <v>952025</v>
      </c>
    </row>
    <row r="464" spans="1:10" x14ac:dyDescent="0.25">
      <c r="A464" s="10" t="s">
        <v>1088</v>
      </c>
      <c r="B464" s="211">
        <v>45790</v>
      </c>
      <c r="C464" s="17" t="s">
        <v>187</v>
      </c>
      <c r="D464" s="17" t="s">
        <v>188</v>
      </c>
      <c r="E464" s="60">
        <v>35954612</v>
      </c>
      <c r="F464" s="17" t="s">
        <v>1089</v>
      </c>
      <c r="G464" s="18">
        <v>6510</v>
      </c>
      <c r="H464" s="18">
        <v>8007.3</v>
      </c>
      <c r="I464" s="13" t="s">
        <v>223</v>
      </c>
      <c r="J464" s="11">
        <v>952025</v>
      </c>
    </row>
    <row r="465" spans="1:10" x14ac:dyDescent="0.25">
      <c r="A465" s="43" t="s">
        <v>1090</v>
      </c>
      <c r="B465" s="211">
        <v>45790</v>
      </c>
      <c r="C465" s="17" t="s">
        <v>187</v>
      </c>
      <c r="D465" s="17" t="s">
        <v>188</v>
      </c>
      <c r="E465" s="60">
        <v>35954612</v>
      </c>
      <c r="F465" s="17" t="s">
        <v>1091</v>
      </c>
      <c r="G465" s="18">
        <v>6750</v>
      </c>
      <c r="H465" s="18">
        <v>8302.5</v>
      </c>
      <c r="I465" s="13" t="s">
        <v>223</v>
      </c>
      <c r="J465" s="11">
        <v>952025</v>
      </c>
    </row>
    <row r="466" spans="1:10" x14ac:dyDescent="0.25">
      <c r="A466" s="10" t="s">
        <v>1092</v>
      </c>
      <c r="B466" s="211">
        <v>45790</v>
      </c>
      <c r="C466" s="17" t="s">
        <v>187</v>
      </c>
      <c r="D466" s="17" t="s">
        <v>188</v>
      </c>
      <c r="E466" s="60">
        <v>35954612</v>
      </c>
      <c r="F466" s="17" t="s">
        <v>1093</v>
      </c>
      <c r="G466" s="18">
        <v>6970</v>
      </c>
      <c r="H466" s="18">
        <v>8573.1</v>
      </c>
      <c r="I466" s="13" t="s">
        <v>223</v>
      </c>
      <c r="J466" s="11">
        <v>952025</v>
      </c>
    </row>
    <row r="467" spans="1:10" x14ac:dyDescent="0.25">
      <c r="A467" s="10" t="s">
        <v>1094</v>
      </c>
      <c r="B467" s="211">
        <v>45790</v>
      </c>
      <c r="C467" s="17" t="s">
        <v>187</v>
      </c>
      <c r="D467" s="17" t="s">
        <v>188</v>
      </c>
      <c r="E467" s="60">
        <v>35954612</v>
      </c>
      <c r="F467" s="17" t="s">
        <v>1095</v>
      </c>
      <c r="G467" s="18">
        <v>5170</v>
      </c>
      <c r="H467" s="18">
        <v>6359.1</v>
      </c>
      <c r="I467" s="13" t="s">
        <v>223</v>
      </c>
      <c r="J467" s="11">
        <v>952025</v>
      </c>
    </row>
    <row r="468" spans="1:10" x14ac:dyDescent="0.25">
      <c r="A468" s="43" t="s">
        <v>1096</v>
      </c>
      <c r="B468" s="211">
        <v>45790</v>
      </c>
      <c r="C468" s="17" t="s">
        <v>187</v>
      </c>
      <c r="D468" s="17" t="s">
        <v>188</v>
      </c>
      <c r="E468" s="60">
        <v>35954612</v>
      </c>
      <c r="F468" s="17" t="s">
        <v>1097</v>
      </c>
      <c r="G468" s="18">
        <v>6160</v>
      </c>
      <c r="H468" s="18">
        <v>7576.8</v>
      </c>
      <c r="I468" s="13" t="s">
        <v>223</v>
      </c>
      <c r="J468" s="11">
        <v>952025</v>
      </c>
    </row>
    <row r="469" spans="1:10" x14ac:dyDescent="0.25">
      <c r="A469" s="10" t="s">
        <v>1098</v>
      </c>
      <c r="B469" s="211">
        <v>45790</v>
      </c>
      <c r="C469" s="17" t="s">
        <v>187</v>
      </c>
      <c r="D469" s="17" t="s">
        <v>188</v>
      </c>
      <c r="E469" s="60">
        <v>35954612</v>
      </c>
      <c r="F469" s="17" t="s">
        <v>1099</v>
      </c>
      <c r="G469" s="18">
        <v>13720</v>
      </c>
      <c r="H469" s="18">
        <v>16875.599999999999</v>
      </c>
      <c r="I469" s="13" t="s">
        <v>223</v>
      </c>
      <c r="J469" s="11">
        <v>952025</v>
      </c>
    </row>
    <row r="470" spans="1:10" x14ac:dyDescent="0.25">
      <c r="A470" s="10" t="s">
        <v>1100</v>
      </c>
      <c r="B470" s="211">
        <v>45790</v>
      </c>
      <c r="C470" s="17" t="s">
        <v>187</v>
      </c>
      <c r="D470" s="17" t="s">
        <v>188</v>
      </c>
      <c r="E470" s="60">
        <v>35954612</v>
      </c>
      <c r="F470" s="17" t="s">
        <v>1101</v>
      </c>
      <c r="G470" s="18">
        <v>4000</v>
      </c>
      <c r="H470" s="18">
        <v>4920</v>
      </c>
      <c r="I470" s="13" t="s">
        <v>223</v>
      </c>
      <c r="J470" s="11">
        <v>952025</v>
      </c>
    </row>
    <row r="471" spans="1:10" x14ac:dyDescent="0.25">
      <c r="A471" s="43" t="s">
        <v>1102</v>
      </c>
      <c r="B471" s="211">
        <v>45790</v>
      </c>
      <c r="C471" s="17" t="s">
        <v>187</v>
      </c>
      <c r="D471" s="17" t="s">
        <v>188</v>
      </c>
      <c r="E471" s="60">
        <v>35954612</v>
      </c>
      <c r="F471" s="17" t="s">
        <v>1103</v>
      </c>
      <c r="G471" s="18">
        <v>28110</v>
      </c>
      <c r="H471" s="18">
        <v>34575.300000000003</v>
      </c>
      <c r="I471" s="13" t="s">
        <v>223</v>
      </c>
      <c r="J471" s="11">
        <v>952025</v>
      </c>
    </row>
    <row r="472" spans="1:10" x14ac:dyDescent="0.25">
      <c r="A472" s="10" t="s">
        <v>1104</v>
      </c>
      <c r="B472" s="211">
        <v>45789</v>
      </c>
      <c r="C472" s="10" t="s">
        <v>1105</v>
      </c>
      <c r="D472" s="10" t="s">
        <v>1106</v>
      </c>
      <c r="E472" s="63">
        <v>35780886</v>
      </c>
      <c r="F472" s="10" t="s">
        <v>1107</v>
      </c>
      <c r="G472" s="12">
        <v>10000</v>
      </c>
      <c r="H472" s="12">
        <v>12300</v>
      </c>
      <c r="I472" s="11"/>
      <c r="J472" s="11">
        <v>762025</v>
      </c>
    </row>
    <row r="473" spans="1:10" x14ac:dyDescent="0.25">
      <c r="A473" s="10" t="s">
        <v>1108</v>
      </c>
      <c r="B473" s="211">
        <v>45790</v>
      </c>
      <c r="C473" s="17" t="s">
        <v>187</v>
      </c>
      <c r="D473" s="17" t="s">
        <v>188</v>
      </c>
      <c r="E473" s="60">
        <v>35954612</v>
      </c>
      <c r="F473" s="6" t="s">
        <v>1109</v>
      </c>
      <c r="G473" s="18">
        <v>1314.8</v>
      </c>
      <c r="H473" s="18">
        <v>1617.2</v>
      </c>
      <c r="I473" s="9" t="s">
        <v>190</v>
      </c>
      <c r="J473" s="6">
        <v>962025</v>
      </c>
    </row>
    <row r="474" spans="1:10" x14ac:dyDescent="0.25">
      <c r="A474" s="43" t="s">
        <v>1110</v>
      </c>
      <c r="B474" s="211">
        <v>45790</v>
      </c>
      <c r="C474" s="10" t="s">
        <v>1111</v>
      </c>
      <c r="D474" s="10" t="s">
        <v>1112</v>
      </c>
      <c r="E474" s="63">
        <v>55278507</v>
      </c>
      <c r="F474" s="11" t="s">
        <v>1113</v>
      </c>
      <c r="G474" s="18">
        <v>325</v>
      </c>
      <c r="H474" s="18">
        <v>399.75</v>
      </c>
      <c r="I474" s="13"/>
      <c r="J474" s="11">
        <v>1122025</v>
      </c>
    </row>
    <row r="475" spans="1:10" x14ac:dyDescent="0.25">
      <c r="A475" s="10" t="s">
        <v>1114</v>
      </c>
      <c r="B475" s="211">
        <v>45791</v>
      </c>
      <c r="C475" s="11" t="s">
        <v>134</v>
      </c>
      <c r="D475" s="16" t="s">
        <v>135</v>
      </c>
      <c r="E475" s="71">
        <v>35889063</v>
      </c>
      <c r="F475" s="16" t="s">
        <v>1115</v>
      </c>
      <c r="G475" s="18">
        <v>17.579999999999998</v>
      </c>
      <c r="H475" s="18">
        <v>20.92</v>
      </c>
      <c r="I475" s="13" t="s">
        <v>137</v>
      </c>
      <c r="J475" s="11"/>
    </row>
    <row r="476" spans="1:10" x14ac:dyDescent="0.25">
      <c r="A476" s="10" t="s">
        <v>1116</v>
      </c>
      <c r="B476" s="211">
        <v>45791</v>
      </c>
      <c r="C476" s="23" t="s">
        <v>117</v>
      </c>
      <c r="D476" s="23" t="s">
        <v>118</v>
      </c>
      <c r="E476" s="66">
        <v>46380434</v>
      </c>
      <c r="F476" s="23" t="s">
        <v>1117</v>
      </c>
      <c r="G476" s="18">
        <v>1045</v>
      </c>
      <c r="H476" s="18">
        <v>1285.3499999999999</v>
      </c>
      <c r="I476" s="25" t="s">
        <v>120</v>
      </c>
      <c r="J476" s="23"/>
    </row>
    <row r="477" spans="1:10" x14ac:dyDescent="0.25">
      <c r="A477" s="10" t="s">
        <v>1118</v>
      </c>
      <c r="B477" s="211">
        <v>45791</v>
      </c>
      <c r="C477" s="23" t="s">
        <v>241</v>
      </c>
      <c r="D477" s="27" t="s">
        <v>242</v>
      </c>
      <c r="E477" s="66">
        <v>36631124</v>
      </c>
      <c r="F477" s="19" t="s">
        <v>1119</v>
      </c>
      <c r="G477" s="18">
        <v>6.7</v>
      </c>
      <c r="H477" s="18">
        <v>6.7</v>
      </c>
      <c r="I477" s="13" t="s">
        <v>611</v>
      </c>
      <c r="J477" s="11"/>
    </row>
    <row r="478" spans="1:10" x14ac:dyDescent="0.25">
      <c r="A478" s="43" t="s">
        <v>1120</v>
      </c>
      <c r="B478" s="211">
        <v>45791</v>
      </c>
      <c r="C478" s="10" t="s">
        <v>241</v>
      </c>
      <c r="D478" s="10" t="s">
        <v>242</v>
      </c>
      <c r="E478" s="63">
        <v>36631124</v>
      </c>
      <c r="F478" s="10" t="s">
        <v>1121</v>
      </c>
      <c r="G478" s="12">
        <v>166.7</v>
      </c>
      <c r="H478" s="12">
        <v>166.7</v>
      </c>
      <c r="I478" s="11" t="s">
        <v>611</v>
      </c>
      <c r="J478" s="11"/>
    </row>
    <row r="479" spans="1:10" x14ac:dyDescent="0.25">
      <c r="A479" s="10" t="s">
        <v>1122</v>
      </c>
      <c r="B479" s="211">
        <v>45791</v>
      </c>
      <c r="C479" s="10" t="s">
        <v>241</v>
      </c>
      <c r="D479" s="10" t="s">
        <v>242</v>
      </c>
      <c r="E479" s="63">
        <v>36631124</v>
      </c>
      <c r="F479" s="10" t="s">
        <v>1123</v>
      </c>
      <c r="G479" s="12">
        <v>575.29999999999995</v>
      </c>
      <c r="H479" s="12">
        <v>575.29999999999995</v>
      </c>
      <c r="I479" s="11" t="s">
        <v>611</v>
      </c>
      <c r="J479" s="11"/>
    </row>
    <row r="480" spans="1:10" x14ac:dyDescent="0.25">
      <c r="A480" s="10" t="s">
        <v>1124</v>
      </c>
      <c r="B480" s="211">
        <v>45791</v>
      </c>
      <c r="C480" s="10" t="s">
        <v>241</v>
      </c>
      <c r="D480" s="10" t="s">
        <v>242</v>
      </c>
      <c r="E480" s="63">
        <v>36631124</v>
      </c>
      <c r="F480" s="10" t="s">
        <v>1125</v>
      </c>
      <c r="G480" s="12">
        <v>352.35</v>
      </c>
      <c r="H480" s="12">
        <v>352.35</v>
      </c>
      <c r="I480" s="11" t="s">
        <v>611</v>
      </c>
      <c r="J480" s="11"/>
    </row>
    <row r="481" spans="1:10" x14ac:dyDescent="0.25">
      <c r="A481" s="43" t="s">
        <v>1126</v>
      </c>
      <c r="B481" s="211">
        <v>45791</v>
      </c>
      <c r="C481" s="10" t="s">
        <v>241</v>
      </c>
      <c r="D481" s="10" t="s">
        <v>242</v>
      </c>
      <c r="E481" s="63">
        <v>36631124</v>
      </c>
      <c r="F481" s="10" t="s">
        <v>1127</v>
      </c>
      <c r="G481" s="12">
        <v>582.6</v>
      </c>
      <c r="H481" s="12">
        <v>582.6</v>
      </c>
      <c r="I481" s="11" t="s">
        <v>611</v>
      </c>
      <c r="J481" s="11"/>
    </row>
    <row r="482" spans="1:10" x14ac:dyDescent="0.25">
      <c r="A482" s="10" t="s">
        <v>1128</v>
      </c>
      <c r="B482" s="211">
        <v>45791</v>
      </c>
      <c r="C482" s="10" t="s">
        <v>241</v>
      </c>
      <c r="D482" s="10" t="s">
        <v>242</v>
      </c>
      <c r="E482" s="63">
        <v>36631124</v>
      </c>
      <c r="F482" s="10" t="s">
        <v>1129</v>
      </c>
      <c r="G482" s="12">
        <v>537</v>
      </c>
      <c r="H482" s="12">
        <v>537</v>
      </c>
      <c r="I482" s="11" t="s">
        <v>611</v>
      </c>
      <c r="J482" s="11"/>
    </row>
    <row r="483" spans="1:10" x14ac:dyDescent="0.25">
      <c r="A483" s="10" t="s">
        <v>1130</v>
      </c>
      <c r="B483" s="211">
        <v>45791</v>
      </c>
      <c r="C483" s="10" t="s">
        <v>241</v>
      </c>
      <c r="D483" s="10" t="s">
        <v>242</v>
      </c>
      <c r="E483" s="63">
        <v>36631124</v>
      </c>
      <c r="F483" s="10" t="s">
        <v>1131</v>
      </c>
      <c r="G483" s="12">
        <v>163.85</v>
      </c>
      <c r="H483" s="12">
        <v>163.85</v>
      </c>
      <c r="I483" s="11" t="s">
        <v>611</v>
      </c>
      <c r="J483" s="11"/>
    </row>
    <row r="484" spans="1:10" x14ac:dyDescent="0.25">
      <c r="A484" s="43" t="s">
        <v>1132</v>
      </c>
      <c r="B484" s="211">
        <v>45791</v>
      </c>
      <c r="C484" s="10" t="s">
        <v>241</v>
      </c>
      <c r="D484" s="10" t="s">
        <v>242</v>
      </c>
      <c r="E484" s="63">
        <v>36631124</v>
      </c>
      <c r="F484" s="10" t="s">
        <v>1133</v>
      </c>
      <c r="G484" s="12">
        <v>305.45</v>
      </c>
      <c r="H484" s="12">
        <v>305.45</v>
      </c>
      <c r="I484" s="11" t="s">
        <v>611</v>
      </c>
      <c r="J484" s="11"/>
    </row>
    <row r="485" spans="1:10" x14ac:dyDescent="0.25">
      <c r="A485" s="10" t="s">
        <v>1134</v>
      </c>
      <c r="B485" s="211">
        <v>45791</v>
      </c>
      <c r="C485" s="10" t="s">
        <v>241</v>
      </c>
      <c r="D485" s="10" t="s">
        <v>242</v>
      </c>
      <c r="E485" s="63">
        <v>36631124</v>
      </c>
      <c r="F485" s="10" t="s">
        <v>1135</v>
      </c>
      <c r="G485" s="12">
        <v>373.45</v>
      </c>
      <c r="H485" s="12">
        <v>373.45</v>
      </c>
      <c r="I485" s="11" t="s">
        <v>611</v>
      </c>
      <c r="J485" s="11"/>
    </row>
    <row r="486" spans="1:10" x14ac:dyDescent="0.25">
      <c r="A486" s="10" t="s">
        <v>1136</v>
      </c>
      <c r="B486" s="211">
        <v>45792</v>
      </c>
      <c r="C486" s="10" t="s">
        <v>725</v>
      </c>
      <c r="D486" s="10" t="s">
        <v>726</v>
      </c>
      <c r="E486" s="63">
        <v>37590286</v>
      </c>
      <c r="F486" s="10" t="s">
        <v>1137</v>
      </c>
      <c r="G486" s="12">
        <v>1000</v>
      </c>
      <c r="H486" s="12">
        <v>1000</v>
      </c>
      <c r="I486" s="11"/>
      <c r="J486" s="11">
        <v>1252025</v>
      </c>
    </row>
    <row r="487" spans="1:10" x14ac:dyDescent="0.25">
      <c r="A487" s="43" t="s">
        <v>1138</v>
      </c>
      <c r="B487" s="211">
        <v>45791</v>
      </c>
      <c r="C487" s="11" t="s">
        <v>277</v>
      </c>
      <c r="D487" s="11" t="s">
        <v>278</v>
      </c>
      <c r="E487" s="63">
        <v>36237337</v>
      </c>
      <c r="F487" s="13" t="s">
        <v>1139</v>
      </c>
      <c r="G487" s="18">
        <v>90</v>
      </c>
      <c r="H487" s="18">
        <v>110.7</v>
      </c>
      <c r="I487" s="13" t="s">
        <v>280</v>
      </c>
      <c r="J487" s="11"/>
    </row>
    <row r="488" spans="1:10" s="99" customFormat="1" x14ac:dyDescent="0.25">
      <c r="A488" s="10" t="s">
        <v>1140</v>
      </c>
      <c r="B488" s="212">
        <v>45792</v>
      </c>
      <c r="C488" s="88" t="s">
        <v>171</v>
      </c>
      <c r="D488" s="33" t="s">
        <v>266</v>
      </c>
      <c r="E488" s="64">
        <v>52599515</v>
      </c>
      <c r="F488" s="33" t="s">
        <v>1141</v>
      </c>
      <c r="G488" s="18">
        <v>1732.9</v>
      </c>
      <c r="H488" s="18">
        <v>2111.1</v>
      </c>
      <c r="I488" s="9" t="s">
        <v>173</v>
      </c>
      <c r="J488" s="6"/>
    </row>
    <row r="489" spans="1:10" x14ac:dyDescent="0.25">
      <c r="A489" s="10" t="s">
        <v>1142</v>
      </c>
      <c r="B489" s="211">
        <v>45793</v>
      </c>
      <c r="C489" s="10" t="s">
        <v>1143</v>
      </c>
      <c r="D489" s="10" t="s">
        <v>1144</v>
      </c>
      <c r="E489" s="10">
        <v>43904351</v>
      </c>
      <c r="F489" s="10" t="s">
        <v>1145</v>
      </c>
      <c r="G489" s="12">
        <v>90</v>
      </c>
      <c r="H489" s="12">
        <v>90</v>
      </c>
      <c r="I489" s="11"/>
      <c r="J489" s="11">
        <v>582025</v>
      </c>
    </row>
    <row r="490" spans="1:10" x14ac:dyDescent="0.25">
      <c r="A490" s="43" t="s">
        <v>1146</v>
      </c>
      <c r="B490" s="211">
        <v>45758</v>
      </c>
      <c r="C490" s="10" t="s">
        <v>1147</v>
      </c>
      <c r="D490" s="10" t="s">
        <v>1148</v>
      </c>
      <c r="E490" s="10">
        <v>166197</v>
      </c>
      <c r="F490" s="10" t="s">
        <v>1149</v>
      </c>
      <c r="G490" s="12">
        <v>446.93</v>
      </c>
      <c r="H490" s="12">
        <v>446.93</v>
      </c>
      <c r="I490" s="11" t="s">
        <v>1150</v>
      </c>
      <c r="J490" s="11"/>
    </row>
    <row r="491" spans="1:10" x14ac:dyDescent="0.25">
      <c r="A491" s="10" t="s">
        <v>1151</v>
      </c>
      <c r="B491" s="211">
        <v>45798</v>
      </c>
      <c r="C491" s="10" t="s">
        <v>922</v>
      </c>
      <c r="D491" s="10" t="s">
        <v>1152</v>
      </c>
      <c r="E491" s="10">
        <v>151866</v>
      </c>
      <c r="F491" s="10" t="s">
        <v>1153</v>
      </c>
      <c r="G491" s="12">
        <v>136.16</v>
      </c>
      <c r="H491" s="12">
        <v>136.16</v>
      </c>
      <c r="I491" s="11" t="s">
        <v>1067</v>
      </c>
      <c r="J491" s="11"/>
    </row>
    <row r="492" spans="1:10" s="99" customFormat="1" x14ac:dyDescent="0.25">
      <c r="A492" s="10" t="s">
        <v>1154</v>
      </c>
      <c r="B492" s="212">
        <v>45798</v>
      </c>
      <c r="C492" s="88" t="s">
        <v>302</v>
      </c>
      <c r="D492" s="100" t="s">
        <v>303</v>
      </c>
      <c r="E492" s="33">
        <v>45156424</v>
      </c>
      <c r="F492" s="6" t="s">
        <v>1155</v>
      </c>
      <c r="G492" s="8">
        <v>8892.4500000000007</v>
      </c>
      <c r="H492" s="8">
        <v>10937.71</v>
      </c>
      <c r="I492" s="6" t="s">
        <v>305</v>
      </c>
      <c r="J492" s="6"/>
    </row>
    <row r="493" spans="1:10" x14ac:dyDescent="0.25">
      <c r="A493" s="10" t="s">
        <v>1156</v>
      </c>
      <c r="B493" s="211">
        <v>45798</v>
      </c>
      <c r="C493" s="10" t="s">
        <v>277</v>
      </c>
      <c r="D493" s="10" t="s">
        <v>278</v>
      </c>
      <c r="E493" s="10">
        <v>36237337</v>
      </c>
      <c r="F493" s="10" t="s">
        <v>1157</v>
      </c>
      <c r="G493" s="12">
        <v>70</v>
      </c>
      <c r="H493" s="12">
        <v>86.1</v>
      </c>
      <c r="I493" s="11" t="s">
        <v>280</v>
      </c>
      <c r="J493" s="11"/>
    </row>
    <row r="494" spans="1:10" x14ac:dyDescent="0.25">
      <c r="A494" s="10" t="s">
        <v>1158</v>
      </c>
      <c r="B494" s="211">
        <v>45798</v>
      </c>
      <c r="C494" s="11" t="s">
        <v>389</v>
      </c>
      <c r="D494" s="11" t="s">
        <v>390</v>
      </c>
      <c r="E494" s="63">
        <v>35900831</v>
      </c>
      <c r="F494" s="11" t="s">
        <v>1159</v>
      </c>
      <c r="G494" s="18">
        <v>351.22</v>
      </c>
      <c r="H494" s="18">
        <v>432</v>
      </c>
      <c r="I494" s="13"/>
      <c r="J494" s="11">
        <v>992025</v>
      </c>
    </row>
    <row r="495" spans="1:10" x14ac:dyDescent="0.25">
      <c r="A495" s="43" t="s">
        <v>1160</v>
      </c>
      <c r="B495" s="211">
        <v>45798</v>
      </c>
      <c r="C495" s="11" t="s">
        <v>1161</v>
      </c>
      <c r="D495" s="11" t="s">
        <v>1162</v>
      </c>
      <c r="E495" s="63">
        <v>52283411</v>
      </c>
      <c r="F495" s="11" t="s">
        <v>1163</v>
      </c>
      <c r="G495" s="12">
        <v>2800</v>
      </c>
      <c r="H495" s="12">
        <v>3444</v>
      </c>
      <c r="I495" s="13" t="s">
        <v>1164</v>
      </c>
      <c r="J495" s="11"/>
    </row>
    <row r="496" spans="1:10" x14ac:dyDescent="0.25">
      <c r="A496" s="10" t="s">
        <v>1165</v>
      </c>
      <c r="B496" s="211">
        <v>45803</v>
      </c>
      <c r="C496" s="10" t="s">
        <v>1166</v>
      </c>
      <c r="D496" s="10" t="s">
        <v>1167</v>
      </c>
      <c r="E496" s="10">
        <v>53760778</v>
      </c>
      <c r="F496" s="10" t="s">
        <v>1168</v>
      </c>
      <c r="G496" s="12">
        <v>1160</v>
      </c>
      <c r="H496" s="12">
        <v>1426.8</v>
      </c>
      <c r="I496" s="11"/>
      <c r="J496" s="11">
        <v>1262025</v>
      </c>
    </row>
    <row r="497" spans="1:10" x14ac:dyDescent="0.25">
      <c r="A497" s="43" t="s">
        <v>1169</v>
      </c>
      <c r="B497" s="211">
        <v>45800</v>
      </c>
      <c r="C497" s="68" t="s">
        <v>100</v>
      </c>
      <c r="D497" s="16" t="s">
        <v>101</v>
      </c>
      <c r="E497" s="65">
        <v>36769304</v>
      </c>
      <c r="F497" s="16" t="s">
        <v>1170</v>
      </c>
      <c r="G497" s="69">
        <v>210</v>
      </c>
      <c r="H497" s="24">
        <v>258.3</v>
      </c>
      <c r="I497" s="25"/>
      <c r="J497" s="23">
        <v>1052025</v>
      </c>
    </row>
    <row r="498" spans="1:10" x14ac:dyDescent="0.25">
      <c r="A498" s="10" t="s">
        <v>1171</v>
      </c>
      <c r="B498" s="211">
        <v>45798</v>
      </c>
      <c r="C498" s="11" t="s">
        <v>389</v>
      </c>
      <c r="D498" s="11" t="s">
        <v>390</v>
      </c>
      <c r="E498" s="63">
        <v>35900831</v>
      </c>
      <c r="F498" s="11" t="s">
        <v>1172</v>
      </c>
      <c r="G498" s="18">
        <v>87.8</v>
      </c>
      <c r="H498" s="18">
        <v>108</v>
      </c>
      <c r="I498" s="13"/>
      <c r="J498" s="11">
        <v>702025</v>
      </c>
    </row>
    <row r="499" spans="1:10" x14ac:dyDescent="0.25">
      <c r="A499" s="10" t="s">
        <v>1173</v>
      </c>
      <c r="B499" s="211">
        <v>45804</v>
      </c>
      <c r="C499" s="11" t="s">
        <v>122</v>
      </c>
      <c r="D499" s="11" t="s">
        <v>123</v>
      </c>
      <c r="E499" s="63">
        <v>46921931</v>
      </c>
      <c r="F499" s="11" t="s">
        <v>1174</v>
      </c>
      <c r="G499" s="18">
        <v>24175.42</v>
      </c>
      <c r="H499" s="18">
        <v>25754.76</v>
      </c>
      <c r="I499" s="13" t="s">
        <v>1175</v>
      </c>
      <c r="J499" s="11"/>
    </row>
    <row r="500" spans="1:10" x14ac:dyDescent="0.25">
      <c r="A500" s="43" t="s">
        <v>1176</v>
      </c>
      <c r="B500" s="211">
        <v>45804</v>
      </c>
      <c r="C500" s="11" t="s">
        <v>1177</v>
      </c>
      <c r="D500" s="11" t="s">
        <v>1178</v>
      </c>
      <c r="E500" s="63">
        <v>44813295</v>
      </c>
      <c r="F500" s="11" t="s">
        <v>1179</v>
      </c>
      <c r="G500" s="18">
        <v>3980</v>
      </c>
      <c r="H500" s="18">
        <v>4895.3999999999996</v>
      </c>
      <c r="I500" s="13"/>
      <c r="J500" s="11">
        <v>1312025</v>
      </c>
    </row>
    <row r="501" spans="1:10" x14ac:dyDescent="0.25">
      <c r="A501" s="10" t="s">
        <v>1180</v>
      </c>
      <c r="B501" s="211">
        <v>45804</v>
      </c>
      <c r="C501" s="11" t="s">
        <v>1181</v>
      </c>
      <c r="D501" s="11" t="s">
        <v>1182</v>
      </c>
      <c r="E501" s="63">
        <v>54239516</v>
      </c>
      <c r="F501" s="11" t="s">
        <v>1183</v>
      </c>
      <c r="G501" s="18">
        <v>151.22</v>
      </c>
      <c r="H501" s="18">
        <v>186</v>
      </c>
      <c r="I501" s="13"/>
      <c r="J501" s="11">
        <v>1362025</v>
      </c>
    </row>
    <row r="502" spans="1:10" x14ac:dyDescent="0.25">
      <c r="A502" s="43" t="s">
        <v>1184</v>
      </c>
      <c r="B502" s="211">
        <v>45804</v>
      </c>
      <c r="C502" s="11" t="s">
        <v>1185</v>
      </c>
      <c r="D502" s="11" t="s">
        <v>1186</v>
      </c>
      <c r="E502" s="63">
        <v>36657972</v>
      </c>
      <c r="F502" s="11" t="s">
        <v>1187</v>
      </c>
      <c r="G502" s="12">
        <v>680</v>
      </c>
      <c r="H502" s="12">
        <v>836.4</v>
      </c>
      <c r="I502" s="13"/>
      <c r="J502" s="11">
        <v>1172025</v>
      </c>
    </row>
    <row r="503" spans="1:10" x14ac:dyDescent="0.25">
      <c r="A503" s="10" t="s">
        <v>1188</v>
      </c>
      <c r="B503" s="211">
        <v>45805</v>
      </c>
      <c r="C503" s="11" t="s">
        <v>307</v>
      </c>
      <c r="D503" s="11" t="s">
        <v>308</v>
      </c>
      <c r="E503" s="63">
        <v>26805413</v>
      </c>
      <c r="F503" s="11" t="s">
        <v>309</v>
      </c>
      <c r="G503" s="18">
        <v>338.3</v>
      </c>
      <c r="H503" s="18">
        <v>338.3</v>
      </c>
      <c r="I503" s="13"/>
      <c r="J503" s="11">
        <v>1292025</v>
      </c>
    </row>
    <row r="504" spans="1:10" x14ac:dyDescent="0.25">
      <c r="A504" s="10" t="s">
        <v>1189</v>
      </c>
      <c r="B504" s="211">
        <v>45806</v>
      </c>
      <c r="C504" s="11" t="s">
        <v>389</v>
      </c>
      <c r="D504" s="11" t="s">
        <v>390</v>
      </c>
      <c r="E504" s="63">
        <v>35900831</v>
      </c>
      <c r="F504" s="11" t="s">
        <v>1190</v>
      </c>
      <c r="G504" s="18">
        <v>87.8</v>
      </c>
      <c r="H504" s="18">
        <v>108</v>
      </c>
      <c r="I504" s="13"/>
      <c r="J504" s="11">
        <v>1112025</v>
      </c>
    </row>
    <row r="505" spans="1:10" x14ac:dyDescent="0.25">
      <c r="A505" s="43" t="s">
        <v>1191</v>
      </c>
      <c r="B505" s="211">
        <v>45806</v>
      </c>
      <c r="C505" s="10" t="s">
        <v>1192</v>
      </c>
      <c r="D505" s="10" t="s">
        <v>1193</v>
      </c>
      <c r="E505" s="10">
        <v>62932632</v>
      </c>
      <c r="F505" s="10" t="s">
        <v>1194</v>
      </c>
      <c r="G505" s="45" t="s">
        <v>1195</v>
      </c>
      <c r="H505" s="45" t="s">
        <v>1196</v>
      </c>
      <c r="I505" s="11"/>
      <c r="J505" s="11">
        <v>672025</v>
      </c>
    </row>
    <row r="506" spans="1:10" x14ac:dyDescent="0.25">
      <c r="A506" s="10" t="s">
        <v>1197</v>
      </c>
      <c r="B506" s="211">
        <v>45806</v>
      </c>
      <c r="C506" s="16" t="s">
        <v>139</v>
      </c>
      <c r="D506" s="16" t="s">
        <v>140</v>
      </c>
      <c r="E506" s="65">
        <v>47235713</v>
      </c>
      <c r="F506" s="16" t="s">
        <v>1198</v>
      </c>
      <c r="G506" s="18">
        <v>643.45000000000005</v>
      </c>
      <c r="H506" s="18">
        <v>791.45</v>
      </c>
      <c r="I506" s="80" t="s">
        <v>142</v>
      </c>
      <c r="J506" s="16"/>
    </row>
    <row r="507" spans="1:10" x14ac:dyDescent="0.25">
      <c r="A507" s="10" t="s">
        <v>1199</v>
      </c>
      <c r="B507" s="211">
        <v>45807</v>
      </c>
      <c r="C507" s="11" t="s">
        <v>720</v>
      </c>
      <c r="D507" s="23" t="s">
        <v>721</v>
      </c>
      <c r="E507" s="66">
        <v>30223288</v>
      </c>
      <c r="F507" s="10" t="s">
        <v>1200</v>
      </c>
      <c r="G507" s="12">
        <v>1460.48</v>
      </c>
      <c r="H507" s="12">
        <v>1796.39</v>
      </c>
      <c r="I507" s="11" t="s">
        <v>723</v>
      </c>
      <c r="J507" s="11">
        <v>1072025</v>
      </c>
    </row>
    <row r="508" spans="1:10" x14ac:dyDescent="0.25">
      <c r="A508" s="43" t="s">
        <v>1201</v>
      </c>
      <c r="B508" s="211">
        <v>45807</v>
      </c>
      <c r="C508" s="10" t="s">
        <v>1202</v>
      </c>
      <c r="D508" s="10" t="s">
        <v>1203</v>
      </c>
      <c r="E508" s="10">
        <v>30169909</v>
      </c>
      <c r="F508" s="10" t="s">
        <v>1204</v>
      </c>
      <c r="G508" s="12">
        <v>500</v>
      </c>
      <c r="H508" s="12">
        <v>500</v>
      </c>
      <c r="I508" s="11"/>
      <c r="J508" s="11">
        <v>1182025</v>
      </c>
    </row>
    <row r="509" spans="1:10" x14ac:dyDescent="0.25">
      <c r="A509" s="10" t="s">
        <v>1205</v>
      </c>
      <c r="B509" s="211">
        <v>45810</v>
      </c>
      <c r="C509" s="10" t="s">
        <v>712</v>
      </c>
      <c r="D509" s="10" t="s">
        <v>713</v>
      </c>
      <c r="E509" s="63">
        <v>36029076</v>
      </c>
      <c r="F509" s="10" t="s">
        <v>1206</v>
      </c>
      <c r="G509" s="12">
        <v>3600</v>
      </c>
      <c r="H509" s="12">
        <v>4428</v>
      </c>
      <c r="I509" s="11"/>
      <c r="J509" s="11">
        <v>592025</v>
      </c>
    </row>
    <row r="510" spans="1:10" x14ac:dyDescent="0.25">
      <c r="A510" s="10" t="s">
        <v>1207</v>
      </c>
      <c r="B510" s="211">
        <v>45810</v>
      </c>
      <c r="C510" s="11" t="s">
        <v>148</v>
      </c>
      <c r="D510" s="23" t="s">
        <v>365</v>
      </c>
      <c r="E510" s="66">
        <v>53227514</v>
      </c>
      <c r="F510" s="23" t="s">
        <v>1208</v>
      </c>
      <c r="G510" s="18">
        <v>2500</v>
      </c>
      <c r="H510" s="18">
        <v>3075</v>
      </c>
      <c r="I510" s="25" t="s">
        <v>151</v>
      </c>
      <c r="J510" s="23"/>
    </row>
    <row r="511" spans="1:10" x14ac:dyDescent="0.25">
      <c r="A511" s="43" t="s">
        <v>1209</v>
      </c>
      <c r="B511" s="211">
        <v>45810</v>
      </c>
      <c r="C511" s="11" t="s">
        <v>148</v>
      </c>
      <c r="D511" s="23" t="s">
        <v>365</v>
      </c>
      <c r="E511" s="66">
        <v>53227514</v>
      </c>
      <c r="F511" s="23" t="s">
        <v>1210</v>
      </c>
      <c r="G511" s="18">
        <v>15394</v>
      </c>
      <c r="H511" s="18">
        <v>16624</v>
      </c>
      <c r="I511" s="25" t="s">
        <v>151</v>
      </c>
      <c r="J511" s="23"/>
    </row>
    <row r="512" spans="1:10" x14ac:dyDescent="0.25">
      <c r="A512" s="10" t="s">
        <v>1211</v>
      </c>
      <c r="B512" s="211">
        <v>45810</v>
      </c>
      <c r="C512" s="23" t="s">
        <v>68</v>
      </c>
      <c r="D512" s="23" t="s">
        <v>771</v>
      </c>
      <c r="E512" s="66">
        <v>51906988</v>
      </c>
      <c r="F512" s="16" t="s">
        <v>1212</v>
      </c>
      <c r="G512" s="18">
        <v>882.08</v>
      </c>
      <c r="H512" s="18">
        <v>1084.96</v>
      </c>
      <c r="I512" s="25" t="s">
        <v>71</v>
      </c>
      <c r="J512" s="23"/>
    </row>
    <row r="513" spans="1:10" x14ac:dyDescent="0.25">
      <c r="A513" s="10" t="s">
        <v>1213</v>
      </c>
      <c r="B513" s="211">
        <v>45810</v>
      </c>
      <c r="C513" s="11" t="s">
        <v>431</v>
      </c>
      <c r="D513" s="6" t="s">
        <v>489</v>
      </c>
      <c r="E513" s="64">
        <v>47139200</v>
      </c>
      <c r="F513" s="11" t="s">
        <v>1214</v>
      </c>
      <c r="G513" s="18">
        <v>110.57</v>
      </c>
      <c r="H513" s="18">
        <v>136</v>
      </c>
      <c r="I513" s="13"/>
      <c r="J513" s="11">
        <v>442025</v>
      </c>
    </row>
    <row r="514" spans="1:10" x14ac:dyDescent="0.25">
      <c r="A514" s="43" t="s">
        <v>1215</v>
      </c>
      <c r="B514" s="211">
        <v>45807</v>
      </c>
      <c r="C514" s="10" t="s">
        <v>1216</v>
      </c>
      <c r="D514" s="10" t="s">
        <v>1217</v>
      </c>
      <c r="E514" s="63">
        <v>151491</v>
      </c>
      <c r="F514" s="10" t="s">
        <v>1218</v>
      </c>
      <c r="G514" s="12">
        <v>18177.52</v>
      </c>
      <c r="H514" s="12">
        <v>18177.52</v>
      </c>
      <c r="I514" s="11"/>
      <c r="J514" s="11">
        <v>1242025</v>
      </c>
    </row>
    <row r="515" spans="1:10" x14ac:dyDescent="0.25">
      <c r="A515" s="10" t="s">
        <v>1219</v>
      </c>
      <c r="B515" s="211">
        <v>45807</v>
      </c>
      <c r="C515" s="10" t="s">
        <v>1216</v>
      </c>
      <c r="D515" s="10" t="s">
        <v>1217</v>
      </c>
      <c r="E515" s="63">
        <v>151491</v>
      </c>
      <c r="F515" s="10" t="s">
        <v>1218</v>
      </c>
      <c r="G515" s="12">
        <v>45</v>
      </c>
      <c r="H515" s="12">
        <v>45</v>
      </c>
      <c r="I515" s="11"/>
      <c r="J515" s="11">
        <v>1242025</v>
      </c>
    </row>
    <row r="516" spans="1:10" x14ac:dyDescent="0.25">
      <c r="A516" s="10" t="s">
        <v>1220</v>
      </c>
      <c r="B516" s="211">
        <v>45811</v>
      </c>
      <c r="C516" s="11" t="s">
        <v>63</v>
      </c>
      <c r="D516" s="11" t="s">
        <v>64</v>
      </c>
      <c r="E516" s="63">
        <v>35872900</v>
      </c>
      <c r="F516" s="11" t="s">
        <v>1221</v>
      </c>
      <c r="G516" s="18">
        <v>1600</v>
      </c>
      <c r="H516" s="18">
        <v>1968</v>
      </c>
      <c r="I516" s="13" t="s">
        <v>66</v>
      </c>
      <c r="J516" s="11">
        <v>1152025</v>
      </c>
    </row>
    <row r="517" spans="1:10" x14ac:dyDescent="0.25">
      <c r="A517" s="43" t="s">
        <v>1222</v>
      </c>
      <c r="B517" s="211">
        <v>45810</v>
      </c>
      <c r="C517" s="11" t="s">
        <v>431</v>
      </c>
      <c r="D517" s="6" t="s">
        <v>489</v>
      </c>
      <c r="E517" s="64">
        <v>47139200</v>
      </c>
      <c r="F517" s="11" t="s">
        <v>1223</v>
      </c>
      <c r="G517" s="18">
        <v>95.12</v>
      </c>
      <c r="H517" s="18">
        <v>117</v>
      </c>
      <c r="I517" s="13"/>
      <c r="J517" s="11">
        <v>1302025</v>
      </c>
    </row>
    <row r="518" spans="1:10" x14ac:dyDescent="0.25">
      <c r="A518" s="10" t="s">
        <v>1224</v>
      </c>
      <c r="B518" s="211">
        <v>45810</v>
      </c>
      <c r="C518" s="17" t="s">
        <v>127</v>
      </c>
      <c r="D518" s="16" t="s">
        <v>128</v>
      </c>
      <c r="E518" s="65">
        <v>36795135</v>
      </c>
      <c r="F518" s="10" t="s">
        <v>1225</v>
      </c>
      <c r="G518" s="18">
        <v>2142.4</v>
      </c>
      <c r="H518" s="18">
        <v>2619.73</v>
      </c>
      <c r="I518" s="9" t="s">
        <v>130</v>
      </c>
      <c r="J518" s="16"/>
    </row>
    <row r="519" spans="1:10" x14ac:dyDescent="0.25">
      <c r="A519" s="10" t="s">
        <v>1226</v>
      </c>
      <c r="B519" s="211">
        <v>45810</v>
      </c>
      <c r="C519" s="17" t="s">
        <v>127</v>
      </c>
      <c r="D519" s="16" t="s">
        <v>128</v>
      </c>
      <c r="E519" s="65">
        <v>36795135</v>
      </c>
      <c r="F519" s="10" t="s">
        <v>1227</v>
      </c>
      <c r="G519" s="18">
        <v>6648.86</v>
      </c>
      <c r="H519" s="18">
        <v>6648.86</v>
      </c>
      <c r="I519" s="9" t="s">
        <v>963</v>
      </c>
      <c r="J519" s="16"/>
    </row>
    <row r="520" spans="1:10" x14ac:dyDescent="0.25">
      <c r="A520" s="10" t="s">
        <v>1228</v>
      </c>
      <c r="B520" s="211">
        <v>45810</v>
      </c>
      <c r="C520" s="17" t="s">
        <v>127</v>
      </c>
      <c r="D520" s="16" t="s">
        <v>128</v>
      </c>
      <c r="E520" s="65">
        <v>36795135</v>
      </c>
      <c r="F520" s="10" t="s">
        <v>1229</v>
      </c>
      <c r="G520" s="18">
        <v>754.2</v>
      </c>
      <c r="H520" s="18">
        <v>927.67</v>
      </c>
      <c r="I520" s="9" t="s">
        <v>968</v>
      </c>
      <c r="J520" s="16"/>
    </row>
    <row r="521" spans="1:10" x14ac:dyDescent="0.25">
      <c r="A521" s="10" t="s">
        <v>1230</v>
      </c>
      <c r="B521" s="211">
        <v>45810</v>
      </c>
      <c r="C521" s="10" t="s">
        <v>774</v>
      </c>
      <c r="D521" s="10" t="s">
        <v>775</v>
      </c>
      <c r="E521" s="63">
        <v>36857165</v>
      </c>
      <c r="F521" s="10" t="s">
        <v>1231</v>
      </c>
      <c r="G521" s="12">
        <v>4.99</v>
      </c>
      <c r="H521" s="12">
        <v>6.14</v>
      </c>
      <c r="I521" s="11" t="s">
        <v>777</v>
      </c>
      <c r="J521" s="11"/>
    </row>
    <row r="522" spans="1:10" x14ac:dyDescent="0.25">
      <c r="A522" s="10" t="s">
        <v>1232</v>
      </c>
      <c r="B522" s="211">
        <v>45811</v>
      </c>
      <c r="C522" s="6" t="s">
        <v>164</v>
      </c>
      <c r="D522" s="6" t="s">
        <v>165</v>
      </c>
      <c r="E522" s="64">
        <v>43799485</v>
      </c>
      <c r="F522" s="6" t="s">
        <v>1233</v>
      </c>
      <c r="G522" s="18">
        <v>17868.330000000002</v>
      </c>
      <c r="H522" s="18">
        <v>18006.330000000002</v>
      </c>
      <c r="I522" s="9" t="s">
        <v>167</v>
      </c>
      <c r="J522" s="6"/>
    </row>
    <row r="523" spans="1:10" x14ac:dyDescent="0.25">
      <c r="A523" s="43" t="s">
        <v>1234</v>
      </c>
      <c r="B523" s="211">
        <v>45811</v>
      </c>
      <c r="C523" s="6" t="s">
        <v>164</v>
      </c>
      <c r="D523" s="6" t="s">
        <v>165</v>
      </c>
      <c r="E523" s="70">
        <v>43799485</v>
      </c>
      <c r="F523" s="6" t="s">
        <v>1235</v>
      </c>
      <c r="G523" s="18">
        <v>3000</v>
      </c>
      <c r="H523" s="18">
        <v>3670</v>
      </c>
      <c r="I523" s="9" t="s">
        <v>167</v>
      </c>
      <c r="J523" s="6"/>
    </row>
    <row r="524" spans="1:10" x14ac:dyDescent="0.25">
      <c r="A524" s="10" t="s">
        <v>1236</v>
      </c>
      <c r="B524" s="211">
        <v>45811</v>
      </c>
      <c r="C524" s="11" t="s">
        <v>105</v>
      </c>
      <c r="D524" s="16" t="s">
        <v>106</v>
      </c>
      <c r="E524" s="65">
        <v>31327681</v>
      </c>
      <c r="F524" t="s">
        <v>1237</v>
      </c>
      <c r="G524" s="18">
        <v>6395.23</v>
      </c>
      <c r="H524" s="18">
        <v>7866.13</v>
      </c>
      <c r="I524" s="13" t="s">
        <v>108</v>
      </c>
      <c r="J524" s="11">
        <v>142025</v>
      </c>
    </row>
    <row r="525" spans="1:10" x14ac:dyDescent="0.25">
      <c r="A525" s="10" t="s">
        <v>1238</v>
      </c>
      <c r="B525" s="211">
        <v>45811</v>
      </c>
      <c r="C525" s="11" t="s">
        <v>81</v>
      </c>
      <c r="D525" s="16" t="s">
        <v>82</v>
      </c>
      <c r="E525" s="65">
        <v>35697270</v>
      </c>
      <c r="F525" s="16" t="s">
        <v>1239</v>
      </c>
      <c r="G525" s="18">
        <v>4.08</v>
      </c>
      <c r="H525" s="18">
        <v>5.0199999999999996</v>
      </c>
      <c r="I525" s="80" t="s">
        <v>84</v>
      </c>
      <c r="J525" s="16"/>
    </row>
    <row r="526" spans="1:10" x14ac:dyDescent="0.25">
      <c r="A526" s="43" t="s">
        <v>1240</v>
      </c>
      <c r="B526" s="211">
        <v>45811</v>
      </c>
      <c r="C526" s="11" t="s">
        <v>81</v>
      </c>
      <c r="D526" s="16" t="s">
        <v>82</v>
      </c>
      <c r="E526" s="65">
        <v>35697270</v>
      </c>
      <c r="F526" s="16" t="s">
        <v>1241</v>
      </c>
      <c r="G526" s="18">
        <v>4.08</v>
      </c>
      <c r="H526" s="18">
        <v>5.0199999999999996</v>
      </c>
      <c r="I526" s="80" t="s">
        <v>84</v>
      </c>
      <c r="J526" s="16"/>
    </row>
    <row r="527" spans="1:10" x14ac:dyDescent="0.25">
      <c r="A527" s="10" t="s">
        <v>1242</v>
      </c>
      <c r="B527" s="211">
        <v>45810</v>
      </c>
      <c r="C527" s="11" t="s">
        <v>455</v>
      </c>
      <c r="D527" s="81" t="s">
        <v>607</v>
      </c>
      <c r="E527" s="33">
        <v>31609058</v>
      </c>
      <c r="F527" s="6" t="s">
        <v>1243</v>
      </c>
      <c r="G527" s="18">
        <v>720</v>
      </c>
      <c r="H527" s="18">
        <v>885.6</v>
      </c>
      <c r="I527" s="9" t="s">
        <v>458</v>
      </c>
      <c r="J527" s="11"/>
    </row>
    <row r="528" spans="1:10" x14ac:dyDescent="0.25">
      <c r="A528" s="10" t="s">
        <v>1244</v>
      </c>
      <c r="B528" s="211">
        <v>45812</v>
      </c>
      <c r="C528" s="82" t="s">
        <v>1245</v>
      </c>
      <c r="D528" s="17" t="s">
        <v>1246</v>
      </c>
      <c r="E528" s="83">
        <v>50605399</v>
      </c>
      <c r="F528" s="17" t="s">
        <v>1247</v>
      </c>
      <c r="G528" s="45">
        <v>258</v>
      </c>
      <c r="H528" s="45">
        <v>258</v>
      </c>
      <c r="I528" s="62"/>
      <c r="J528" s="17">
        <v>1502025</v>
      </c>
    </row>
    <row r="529" spans="1:10" x14ac:dyDescent="0.25">
      <c r="A529" s="43" t="s">
        <v>1248</v>
      </c>
      <c r="B529" s="211">
        <v>45811</v>
      </c>
      <c r="C529" s="16" t="s">
        <v>139</v>
      </c>
      <c r="D529" s="68" t="s">
        <v>140</v>
      </c>
      <c r="E529" s="65">
        <v>47235713</v>
      </c>
      <c r="F529" s="16" t="s">
        <v>1249</v>
      </c>
      <c r="G529" s="18">
        <v>20</v>
      </c>
      <c r="H529" s="18">
        <v>24.6</v>
      </c>
      <c r="I529" s="80" t="s">
        <v>142</v>
      </c>
      <c r="J529" s="16"/>
    </row>
    <row r="530" spans="1:10" x14ac:dyDescent="0.25">
      <c r="A530" s="10" t="s">
        <v>1250</v>
      </c>
      <c r="B530" s="211">
        <v>45811</v>
      </c>
      <c r="C530" s="21" t="s">
        <v>139</v>
      </c>
      <c r="D530" s="22" t="s">
        <v>140</v>
      </c>
      <c r="E530" s="63">
        <v>47235713</v>
      </c>
      <c r="F530" s="11" t="s">
        <v>1251</v>
      </c>
      <c r="G530" s="18">
        <v>1747.6</v>
      </c>
      <c r="H530" s="18">
        <v>2149.5500000000002</v>
      </c>
      <c r="I530" s="13" t="s">
        <v>142</v>
      </c>
      <c r="J530" s="36"/>
    </row>
    <row r="531" spans="1:10" x14ac:dyDescent="0.25">
      <c r="A531" s="10" t="s">
        <v>1252</v>
      </c>
      <c r="B531" s="211">
        <v>45811</v>
      </c>
      <c r="C531" s="16" t="s">
        <v>139</v>
      </c>
      <c r="D531" s="16" t="s">
        <v>140</v>
      </c>
      <c r="E531" s="65">
        <v>47235713</v>
      </c>
      <c r="F531" s="16" t="s">
        <v>1253</v>
      </c>
      <c r="G531" s="18">
        <v>6434.5</v>
      </c>
      <c r="H531" s="18">
        <v>7914.44</v>
      </c>
      <c r="I531" s="80" t="s">
        <v>142</v>
      </c>
      <c r="J531" s="16"/>
    </row>
    <row r="532" spans="1:10" x14ac:dyDescent="0.25">
      <c r="A532" s="43" t="s">
        <v>1254</v>
      </c>
      <c r="B532" s="211">
        <v>45811</v>
      </c>
      <c r="C532" s="16" t="s">
        <v>139</v>
      </c>
      <c r="D532" s="16" t="s">
        <v>140</v>
      </c>
      <c r="E532" s="65">
        <v>47235713</v>
      </c>
      <c r="F532" s="16" t="s">
        <v>1255</v>
      </c>
      <c r="G532" s="18">
        <v>26336.080000000002</v>
      </c>
      <c r="H532" s="18">
        <v>27188.81</v>
      </c>
      <c r="I532" s="80" t="s">
        <v>142</v>
      </c>
      <c r="J532" s="16"/>
    </row>
    <row r="533" spans="1:10" x14ac:dyDescent="0.25">
      <c r="A533" s="10" t="s">
        <v>1256</v>
      </c>
      <c r="B533" s="211">
        <v>45812</v>
      </c>
      <c r="C533" s="6" t="s">
        <v>357</v>
      </c>
      <c r="D533" s="6" t="s">
        <v>358</v>
      </c>
      <c r="E533" s="64">
        <v>36250481</v>
      </c>
      <c r="F533" s="16" t="s">
        <v>1257</v>
      </c>
      <c r="G533" s="18">
        <v>3920</v>
      </c>
      <c r="H533" s="18">
        <v>4821.6000000000004</v>
      </c>
      <c r="I533" s="9" t="s">
        <v>360</v>
      </c>
      <c r="J533" s="11">
        <v>922025</v>
      </c>
    </row>
    <row r="534" spans="1:10" x14ac:dyDescent="0.25">
      <c r="A534" s="10" t="s">
        <v>1258</v>
      </c>
      <c r="B534" s="211">
        <v>45812</v>
      </c>
      <c r="C534" s="10" t="s">
        <v>357</v>
      </c>
      <c r="D534" s="6" t="s">
        <v>358</v>
      </c>
      <c r="E534" s="64">
        <v>36250481</v>
      </c>
      <c r="F534" s="16" t="s">
        <v>1259</v>
      </c>
      <c r="G534" s="18">
        <v>34825.5</v>
      </c>
      <c r="H534" s="18">
        <v>42835.37</v>
      </c>
      <c r="I534" s="9" t="s">
        <v>360</v>
      </c>
      <c r="J534" s="11" t="s">
        <v>1001</v>
      </c>
    </row>
    <row r="535" spans="1:10" x14ac:dyDescent="0.25">
      <c r="A535" s="43" t="s">
        <v>1260</v>
      </c>
      <c r="B535" s="211">
        <v>45812</v>
      </c>
      <c r="C535" s="10" t="s">
        <v>357</v>
      </c>
      <c r="D535" s="6" t="s">
        <v>358</v>
      </c>
      <c r="E535" s="64">
        <v>36250481</v>
      </c>
      <c r="F535" s="16" t="s">
        <v>1261</v>
      </c>
      <c r="G535" s="18">
        <v>6308.54</v>
      </c>
      <c r="H535" s="18">
        <v>7759.5</v>
      </c>
      <c r="I535" s="9" t="s">
        <v>360</v>
      </c>
      <c r="J535" s="11">
        <v>922025</v>
      </c>
    </row>
    <row r="536" spans="1:10" x14ac:dyDescent="0.25">
      <c r="A536" s="10" t="s">
        <v>1262</v>
      </c>
      <c r="B536" s="211">
        <v>45812</v>
      </c>
      <c r="C536" s="11" t="s">
        <v>357</v>
      </c>
      <c r="D536" s="6" t="s">
        <v>358</v>
      </c>
      <c r="E536" s="64">
        <v>36250481</v>
      </c>
      <c r="F536" s="11" t="s">
        <v>1263</v>
      </c>
      <c r="G536" s="18">
        <v>3500</v>
      </c>
      <c r="H536" s="18">
        <v>4305</v>
      </c>
      <c r="I536" s="13" t="s">
        <v>387</v>
      </c>
      <c r="J536" s="11"/>
    </row>
    <row r="537" spans="1:10" x14ac:dyDescent="0.25">
      <c r="A537" s="10" t="s">
        <v>1264</v>
      </c>
      <c r="B537" s="211">
        <v>45813</v>
      </c>
      <c r="C537" s="11" t="s">
        <v>15</v>
      </c>
      <c r="D537" s="16" t="s">
        <v>1265</v>
      </c>
      <c r="E537" s="65">
        <v>35722533</v>
      </c>
      <c r="F537" s="16" t="s">
        <v>1266</v>
      </c>
      <c r="G537" s="18">
        <v>3526</v>
      </c>
      <c r="H537" s="18">
        <v>4336.9799999999996</v>
      </c>
      <c r="I537" s="13" t="s">
        <v>18</v>
      </c>
      <c r="J537" s="6"/>
    </row>
    <row r="538" spans="1:10" x14ac:dyDescent="0.25">
      <c r="A538" s="43" t="s">
        <v>1267</v>
      </c>
      <c r="B538" s="211">
        <v>45813</v>
      </c>
      <c r="C538" s="6" t="s">
        <v>680</v>
      </c>
      <c r="D538" s="6" t="s">
        <v>681</v>
      </c>
      <c r="E538" s="64">
        <v>36679879</v>
      </c>
      <c r="F538" s="6" t="s">
        <v>1268</v>
      </c>
      <c r="G538" s="8">
        <v>320</v>
      </c>
      <c r="H538" s="8">
        <v>393.6</v>
      </c>
      <c r="I538" s="9"/>
      <c r="J538" s="11">
        <v>1282025</v>
      </c>
    </row>
    <row r="539" spans="1:10" x14ac:dyDescent="0.25">
      <c r="A539" s="10" t="s">
        <v>1269</v>
      </c>
      <c r="B539" s="211">
        <v>45813</v>
      </c>
      <c r="C539" s="10" t="s">
        <v>1270</v>
      </c>
      <c r="D539" s="10" t="s">
        <v>1271</v>
      </c>
      <c r="E539" s="10">
        <v>35955503</v>
      </c>
      <c r="F539" s="10" t="s">
        <v>1272</v>
      </c>
      <c r="G539" s="12">
        <v>87</v>
      </c>
      <c r="H539" s="12">
        <v>107.01</v>
      </c>
      <c r="I539" s="11"/>
      <c r="J539" s="11">
        <v>1392025</v>
      </c>
    </row>
    <row r="540" spans="1:10" x14ac:dyDescent="0.25">
      <c r="A540" s="10" t="s">
        <v>1273</v>
      </c>
      <c r="B540" s="211">
        <v>45813</v>
      </c>
      <c r="C540" s="10" t="s">
        <v>1274</v>
      </c>
      <c r="D540" s="10" t="s">
        <v>1275</v>
      </c>
      <c r="E540" s="10">
        <v>49450301</v>
      </c>
      <c r="F540" s="11" t="s">
        <v>1276</v>
      </c>
      <c r="G540" s="45">
        <v>51.24</v>
      </c>
      <c r="H540" s="18">
        <v>51.24</v>
      </c>
      <c r="I540" s="62" t="s">
        <v>98</v>
      </c>
      <c r="J540" s="11"/>
    </row>
    <row r="541" spans="1:10" x14ac:dyDescent="0.25">
      <c r="A541" s="43" t="s">
        <v>1277</v>
      </c>
      <c r="B541" s="211">
        <v>45813</v>
      </c>
      <c r="C541" s="17" t="s">
        <v>95</v>
      </c>
      <c r="D541" s="17" t="s">
        <v>96</v>
      </c>
      <c r="E541" s="60">
        <v>31322832</v>
      </c>
      <c r="F541" s="11" t="s">
        <v>1278</v>
      </c>
      <c r="G541" s="12">
        <v>3148.81</v>
      </c>
      <c r="H541" s="18">
        <v>3873.05</v>
      </c>
      <c r="I541" s="62" t="s">
        <v>98</v>
      </c>
      <c r="J541" s="11"/>
    </row>
    <row r="542" spans="1:10" x14ac:dyDescent="0.25">
      <c r="A542" s="10" t="s">
        <v>1279</v>
      </c>
      <c r="B542" s="211">
        <v>45813</v>
      </c>
      <c r="C542" s="10" t="s">
        <v>182</v>
      </c>
      <c r="D542" s="11" t="s">
        <v>183</v>
      </c>
      <c r="E542" s="63">
        <v>48059528</v>
      </c>
      <c r="F542" s="11" t="s">
        <v>1280</v>
      </c>
      <c r="G542" s="18">
        <v>3184.76</v>
      </c>
      <c r="H542" s="18">
        <v>3344</v>
      </c>
      <c r="I542" s="13" t="s">
        <v>185</v>
      </c>
      <c r="J542" s="11"/>
    </row>
    <row r="543" spans="1:10" x14ac:dyDescent="0.25">
      <c r="A543" s="10" t="s">
        <v>1281</v>
      </c>
      <c r="B543" s="211">
        <v>45814</v>
      </c>
      <c r="C543" s="11" t="s">
        <v>155</v>
      </c>
      <c r="D543" s="11" t="s">
        <v>156</v>
      </c>
      <c r="E543" s="63">
        <v>36687938</v>
      </c>
      <c r="F543" s="11" t="s">
        <v>1282</v>
      </c>
      <c r="G543" s="45">
        <v>15.03</v>
      </c>
      <c r="H543" s="45">
        <v>17.89</v>
      </c>
      <c r="I543" s="13" t="s">
        <v>158</v>
      </c>
      <c r="J543" s="11"/>
    </row>
    <row r="544" spans="1:10" x14ac:dyDescent="0.25">
      <c r="A544" s="43" t="s">
        <v>1283</v>
      </c>
      <c r="B544" s="211">
        <v>45814</v>
      </c>
      <c r="C544" s="6" t="s">
        <v>155</v>
      </c>
      <c r="D544" s="6" t="s">
        <v>156</v>
      </c>
      <c r="E544" s="64">
        <v>36687938</v>
      </c>
      <c r="F544" s="6" t="s">
        <v>1057</v>
      </c>
      <c r="G544" s="18">
        <v>329.9</v>
      </c>
      <c r="H544" s="18">
        <v>392.58</v>
      </c>
      <c r="I544" s="9" t="s">
        <v>158</v>
      </c>
      <c r="J544" s="6"/>
    </row>
    <row r="545" spans="1:10" x14ac:dyDescent="0.25">
      <c r="A545" s="10" t="s">
        <v>1284</v>
      </c>
      <c r="B545" s="211">
        <v>45814</v>
      </c>
      <c r="C545" s="11" t="s">
        <v>155</v>
      </c>
      <c r="D545" s="11" t="s">
        <v>156</v>
      </c>
      <c r="E545" s="10">
        <v>36687936</v>
      </c>
      <c r="F545" s="11" t="s">
        <v>1285</v>
      </c>
      <c r="G545" s="18">
        <v>2777.8</v>
      </c>
      <c r="H545" s="18">
        <v>3416.69</v>
      </c>
      <c r="I545" s="13" t="s">
        <v>158</v>
      </c>
      <c r="J545" s="11"/>
    </row>
    <row r="546" spans="1:10" x14ac:dyDescent="0.25">
      <c r="A546" s="10" t="s">
        <v>1286</v>
      </c>
      <c r="B546" s="211">
        <v>45814</v>
      </c>
      <c r="C546" s="11" t="s">
        <v>155</v>
      </c>
      <c r="D546" s="11" t="s">
        <v>156</v>
      </c>
      <c r="E546" s="10">
        <v>36687936</v>
      </c>
      <c r="F546" s="11" t="s">
        <v>1287</v>
      </c>
      <c r="G546" s="18">
        <v>4386</v>
      </c>
      <c r="H546" s="18">
        <v>5394.78</v>
      </c>
      <c r="I546" s="13" t="s">
        <v>158</v>
      </c>
      <c r="J546" s="11"/>
    </row>
    <row r="547" spans="1:10" x14ac:dyDescent="0.25">
      <c r="A547" s="43" t="s">
        <v>1288</v>
      </c>
      <c r="B547" s="211">
        <v>45814</v>
      </c>
      <c r="C547" s="11" t="s">
        <v>155</v>
      </c>
      <c r="D547" s="11" t="s">
        <v>156</v>
      </c>
      <c r="E547" s="10">
        <v>36687936</v>
      </c>
      <c r="F547" s="11" t="s">
        <v>1289</v>
      </c>
      <c r="G547" s="18">
        <v>19323.099999999999</v>
      </c>
      <c r="H547" s="18">
        <v>19714.099999999999</v>
      </c>
      <c r="I547" s="13" t="s">
        <v>158</v>
      </c>
      <c r="J547" s="11"/>
    </row>
    <row r="548" spans="1:10" x14ac:dyDescent="0.25">
      <c r="A548" s="10" t="s">
        <v>1290</v>
      </c>
      <c r="B548" s="211">
        <v>45814</v>
      </c>
      <c r="C548" s="10" t="s">
        <v>546</v>
      </c>
      <c r="D548" s="10" t="s">
        <v>547</v>
      </c>
      <c r="E548" s="63">
        <v>31402445</v>
      </c>
      <c r="F548" s="10" t="s">
        <v>1291</v>
      </c>
      <c r="G548" s="12">
        <v>395</v>
      </c>
      <c r="H548" s="12">
        <v>485.85</v>
      </c>
      <c r="I548" s="11" t="s">
        <v>549</v>
      </c>
      <c r="J548" s="11"/>
    </row>
    <row r="549" spans="1:10" x14ac:dyDescent="0.25">
      <c r="A549" s="10" t="s">
        <v>1292</v>
      </c>
      <c r="B549" s="211">
        <v>45813</v>
      </c>
      <c r="C549" s="10" t="s">
        <v>1293</v>
      </c>
      <c r="D549" s="10" t="s">
        <v>1294</v>
      </c>
      <c r="E549" s="10">
        <v>36556050</v>
      </c>
      <c r="F549" s="10" t="s">
        <v>1295</v>
      </c>
      <c r="G549" s="12">
        <v>10135.620000000001</v>
      </c>
      <c r="H549" s="12">
        <v>12466.81</v>
      </c>
      <c r="I549" s="11" t="s">
        <v>1296</v>
      </c>
      <c r="J549" s="11"/>
    </row>
    <row r="550" spans="1:10" x14ac:dyDescent="0.25">
      <c r="A550" s="43" t="s">
        <v>1297</v>
      </c>
      <c r="B550" s="211">
        <v>45812</v>
      </c>
      <c r="C550" s="23" t="s">
        <v>73</v>
      </c>
      <c r="D550" s="26" t="s">
        <v>74</v>
      </c>
      <c r="E550" s="72">
        <v>35763469</v>
      </c>
      <c r="F550" s="26" t="s">
        <v>1298</v>
      </c>
      <c r="G550" s="18">
        <v>8142.86</v>
      </c>
      <c r="H550" s="18">
        <v>10014.57</v>
      </c>
      <c r="I550" s="9" t="s">
        <v>76</v>
      </c>
      <c r="J550" s="84"/>
    </row>
    <row r="551" spans="1:10" x14ac:dyDescent="0.25">
      <c r="A551" s="10" t="s">
        <v>1299</v>
      </c>
      <c r="B551" s="211">
        <v>45817</v>
      </c>
      <c r="C551" s="10" t="s">
        <v>1062</v>
      </c>
      <c r="D551" s="10" t="s">
        <v>1063</v>
      </c>
      <c r="E551" s="10">
        <v>54126428</v>
      </c>
      <c r="F551" s="10" t="s">
        <v>1300</v>
      </c>
      <c r="G551" s="12">
        <v>1925</v>
      </c>
      <c r="H551" s="12">
        <v>2367.75</v>
      </c>
      <c r="I551" s="11"/>
      <c r="J551" s="11">
        <v>1432025</v>
      </c>
    </row>
    <row r="552" spans="1:10" x14ac:dyDescent="0.25">
      <c r="A552" s="10" t="s">
        <v>1301</v>
      </c>
      <c r="B552" s="211">
        <v>45814</v>
      </c>
      <c r="C552" s="10" t="s">
        <v>1302</v>
      </c>
      <c r="D552" s="10" t="s">
        <v>1303</v>
      </c>
      <c r="E552" s="10">
        <v>34144994</v>
      </c>
      <c r="F552" s="10" t="s">
        <v>1304</v>
      </c>
      <c r="G552" s="12">
        <v>3811</v>
      </c>
      <c r="H552" s="12">
        <v>4687.53</v>
      </c>
      <c r="I552" s="11"/>
      <c r="J552" s="11">
        <v>1192025</v>
      </c>
    </row>
    <row r="553" spans="1:10" x14ac:dyDescent="0.25">
      <c r="A553" s="43" t="s">
        <v>1305</v>
      </c>
      <c r="B553" s="211">
        <v>45817</v>
      </c>
      <c r="C553" s="10" t="s">
        <v>546</v>
      </c>
      <c r="D553" s="10" t="s">
        <v>547</v>
      </c>
      <c r="E553" s="63">
        <v>31402445</v>
      </c>
      <c r="F553" s="10" t="s">
        <v>1306</v>
      </c>
      <c r="G553" s="12">
        <v>395</v>
      </c>
      <c r="H553" s="12">
        <v>485.85</v>
      </c>
      <c r="I553" s="11" t="s">
        <v>549</v>
      </c>
      <c r="J553" s="11"/>
    </row>
    <row r="554" spans="1:10" s="99" customFormat="1" x14ac:dyDescent="0.25">
      <c r="A554" s="10" t="s">
        <v>1307</v>
      </c>
      <c r="B554" s="212">
        <v>45817</v>
      </c>
      <c r="C554" s="88" t="s">
        <v>117</v>
      </c>
      <c r="D554" s="23" t="s">
        <v>118</v>
      </c>
      <c r="E554" s="66">
        <v>46380434</v>
      </c>
      <c r="F554" s="23" t="s">
        <v>1308</v>
      </c>
      <c r="G554" s="18">
        <v>1045</v>
      </c>
      <c r="H554" s="18">
        <v>1285.3499999999999</v>
      </c>
      <c r="I554" s="25" t="s">
        <v>120</v>
      </c>
      <c r="J554" s="23"/>
    </row>
    <row r="555" spans="1:10" x14ac:dyDescent="0.25">
      <c r="A555" s="10" t="s">
        <v>1309</v>
      </c>
      <c r="B555" s="211">
        <v>45817</v>
      </c>
      <c r="C555" s="10" t="s">
        <v>1310</v>
      </c>
      <c r="D555" s="10" t="s">
        <v>1311</v>
      </c>
      <c r="E555" s="10">
        <v>56397381</v>
      </c>
      <c r="F555" s="10" t="s">
        <v>1312</v>
      </c>
      <c r="G555" s="12">
        <v>180</v>
      </c>
      <c r="H555" s="12">
        <v>180</v>
      </c>
      <c r="I555" s="11"/>
      <c r="J555" s="11">
        <v>1512025</v>
      </c>
    </row>
    <row r="556" spans="1:10" x14ac:dyDescent="0.25">
      <c r="A556" s="43" t="s">
        <v>1313</v>
      </c>
      <c r="B556" s="211">
        <v>45817</v>
      </c>
      <c r="C556" s="19" t="s">
        <v>44</v>
      </c>
      <c r="D556" s="19" t="s">
        <v>45</v>
      </c>
      <c r="E556" s="85">
        <v>35731851</v>
      </c>
      <c r="F556" s="19" t="s">
        <v>1314</v>
      </c>
      <c r="G556" s="45">
        <v>350</v>
      </c>
      <c r="H556" s="45">
        <v>430.5</v>
      </c>
      <c r="I556" s="61" t="s">
        <v>47</v>
      </c>
      <c r="J556" s="19">
        <v>1792024</v>
      </c>
    </row>
    <row r="557" spans="1:10" x14ac:dyDescent="0.25">
      <c r="A557" s="10" t="s">
        <v>1315</v>
      </c>
      <c r="B557" s="211">
        <v>45817</v>
      </c>
      <c r="C557" s="23" t="s">
        <v>44</v>
      </c>
      <c r="D557" s="23" t="s">
        <v>45</v>
      </c>
      <c r="E557" s="86">
        <v>35731851</v>
      </c>
      <c r="F557" s="23" t="s">
        <v>1316</v>
      </c>
      <c r="G557" s="18">
        <v>350</v>
      </c>
      <c r="H557" s="18">
        <v>430.5</v>
      </c>
      <c r="I557" s="25" t="s">
        <v>47</v>
      </c>
      <c r="J557" s="23">
        <v>1792024</v>
      </c>
    </row>
    <row r="558" spans="1:10" x14ac:dyDescent="0.25">
      <c r="A558" s="10" t="s">
        <v>1317</v>
      </c>
      <c r="B558" s="211">
        <v>45817</v>
      </c>
      <c r="C558" s="23" t="s">
        <v>44</v>
      </c>
      <c r="D558" s="23" t="s">
        <v>45</v>
      </c>
      <c r="E558" s="86">
        <v>35731851</v>
      </c>
      <c r="F558" s="23" t="s">
        <v>1318</v>
      </c>
      <c r="G558" s="18">
        <v>350</v>
      </c>
      <c r="H558" s="18">
        <v>430.5</v>
      </c>
      <c r="I558" s="25" t="s">
        <v>47</v>
      </c>
      <c r="J558" s="23">
        <v>1792024</v>
      </c>
    </row>
    <row r="559" spans="1:10" x14ac:dyDescent="0.25">
      <c r="A559" s="43" t="s">
        <v>1319</v>
      </c>
      <c r="B559" s="211">
        <v>45817</v>
      </c>
      <c r="C559" s="23" t="s">
        <v>44</v>
      </c>
      <c r="D559" s="23" t="s">
        <v>45</v>
      </c>
      <c r="E559" s="86">
        <v>35731851</v>
      </c>
      <c r="F559" s="23" t="s">
        <v>1320</v>
      </c>
      <c r="G559" s="18">
        <v>350</v>
      </c>
      <c r="H559" s="18">
        <v>430.5</v>
      </c>
      <c r="I559" s="25" t="s">
        <v>47</v>
      </c>
      <c r="J559" s="23">
        <v>1792024</v>
      </c>
    </row>
    <row r="560" spans="1:10" x14ac:dyDescent="0.25">
      <c r="A560" s="10" t="s">
        <v>1321</v>
      </c>
      <c r="B560" s="211">
        <v>45817</v>
      </c>
      <c r="C560" s="23" t="s">
        <v>44</v>
      </c>
      <c r="D560" s="23" t="s">
        <v>45</v>
      </c>
      <c r="E560" s="86">
        <v>35731851</v>
      </c>
      <c r="F560" s="23" t="s">
        <v>1322</v>
      </c>
      <c r="G560" s="18">
        <v>350</v>
      </c>
      <c r="H560" s="18">
        <v>430.5</v>
      </c>
      <c r="I560" s="25" t="s">
        <v>47</v>
      </c>
      <c r="J560" s="23">
        <v>1792024</v>
      </c>
    </row>
    <row r="561" spans="1:10" x14ac:dyDescent="0.25">
      <c r="A561" s="10" t="s">
        <v>1323</v>
      </c>
      <c r="B561" s="211">
        <v>45817</v>
      </c>
      <c r="C561" s="23" t="s">
        <v>44</v>
      </c>
      <c r="D561" s="23" t="s">
        <v>45</v>
      </c>
      <c r="E561" s="86">
        <v>35731851</v>
      </c>
      <c r="F561" s="23" t="s">
        <v>1324</v>
      </c>
      <c r="G561" s="18">
        <v>350</v>
      </c>
      <c r="H561" s="18">
        <v>430.5</v>
      </c>
      <c r="I561" s="25" t="s">
        <v>47</v>
      </c>
      <c r="J561" s="23">
        <v>1792024</v>
      </c>
    </row>
    <row r="562" spans="1:10" x14ac:dyDescent="0.25">
      <c r="A562" s="43" t="s">
        <v>1325</v>
      </c>
      <c r="B562" s="211">
        <v>45817</v>
      </c>
      <c r="C562" s="23" t="s">
        <v>44</v>
      </c>
      <c r="D562" s="23" t="s">
        <v>45</v>
      </c>
      <c r="E562" s="86">
        <v>35731851</v>
      </c>
      <c r="F562" s="23" t="s">
        <v>1326</v>
      </c>
      <c r="G562" s="18">
        <v>350</v>
      </c>
      <c r="H562" s="18">
        <v>430.5</v>
      </c>
      <c r="I562" s="25" t="s">
        <v>47</v>
      </c>
      <c r="J562" s="23">
        <v>1792024</v>
      </c>
    </row>
    <row r="563" spans="1:10" x14ac:dyDescent="0.25">
      <c r="A563" s="10" t="s">
        <v>1327</v>
      </c>
      <c r="B563" s="211">
        <v>45817</v>
      </c>
      <c r="C563" s="23" t="s">
        <v>44</v>
      </c>
      <c r="D563" s="23" t="s">
        <v>45</v>
      </c>
      <c r="E563" s="86">
        <v>35731851</v>
      </c>
      <c r="F563" s="23" t="s">
        <v>1328</v>
      </c>
      <c r="G563" s="18">
        <v>350</v>
      </c>
      <c r="H563" s="18">
        <v>430.5</v>
      </c>
      <c r="I563" s="25" t="s">
        <v>47</v>
      </c>
      <c r="J563" s="23">
        <v>1792024</v>
      </c>
    </row>
    <row r="564" spans="1:10" x14ac:dyDescent="0.25">
      <c r="A564" s="10" t="s">
        <v>1329</v>
      </c>
      <c r="B564" s="211">
        <v>45818</v>
      </c>
      <c r="C564" s="10" t="s">
        <v>177</v>
      </c>
      <c r="D564" s="10" t="s">
        <v>172</v>
      </c>
      <c r="E564" s="10">
        <v>53528654</v>
      </c>
      <c r="F564" s="10" t="s">
        <v>1330</v>
      </c>
      <c r="G564" s="12">
        <v>4242.78</v>
      </c>
      <c r="H564" s="12">
        <v>4242.78</v>
      </c>
      <c r="I564" s="31" t="s">
        <v>180</v>
      </c>
      <c r="J564" s="11">
        <v>1532025</v>
      </c>
    </row>
    <row r="565" spans="1:10" x14ac:dyDescent="0.25">
      <c r="A565" s="43" t="s">
        <v>1331</v>
      </c>
      <c r="B565" s="211">
        <v>45818</v>
      </c>
      <c r="C565" s="10" t="s">
        <v>455</v>
      </c>
      <c r="D565" s="10" t="s">
        <v>607</v>
      </c>
      <c r="E565" s="10">
        <v>31609058</v>
      </c>
      <c r="F565" s="10" t="s">
        <v>1332</v>
      </c>
      <c r="G565" s="12">
        <v>187.1</v>
      </c>
      <c r="H565" s="12">
        <v>230.13</v>
      </c>
      <c r="I565" s="11" t="s">
        <v>458</v>
      </c>
      <c r="J565" s="11"/>
    </row>
    <row r="566" spans="1:10" x14ac:dyDescent="0.25">
      <c r="A566" s="10" t="s">
        <v>1333</v>
      </c>
      <c r="B566" s="211">
        <v>45818</v>
      </c>
      <c r="C566" s="11" t="s">
        <v>455</v>
      </c>
      <c r="D566" s="6" t="s">
        <v>607</v>
      </c>
      <c r="E566" s="33">
        <v>31609058</v>
      </c>
      <c r="F566" s="6" t="s">
        <v>1334</v>
      </c>
      <c r="G566" s="18">
        <v>720</v>
      </c>
      <c r="H566" s="18">
        <v>885.6</v>
      </c>
      <c r="I566" s="9" t="s">
        <v>458</v>
      </c>
      <c r="J566" s="11"/>
    </row>
    <row r="567" spans="1:10" x14ac:dyDescent="0.25">
      <c r="A567" s="10" t="s">
        <v>1335</v>
      </c>
      <c r="B567" s="211">
        <v>45818</v>
      </c>
      <c r="C567" s="90" t="s">
        <v>914</v>
      </c>
      <c r="D567" s="10" t="s">
        <v>915</v>
      </c>
      <c r="E567" s="10">
        <v>35752831</v>
      </c>
      <c r="F567" s="10" t="s">
        <v>1336</v>
      </c>
      <c r="G567" s="12">
        <v>203.73</v>
      </c>
      <c r="H567" s="12">
        <v>250.59</v>
      </c>
      <c r="I567" s="135" t="s">
        <v>917</v>
      </c>
      <c r="J567" s="11"/>
    </row>
    <row r="568" spans="1:10" x14ac:dyDescent="0.25">
      <c r="A568" s="43" t="s">
        <v>1337</v>
      </c>
      <c r="B568" s="211">
        <v>45818</v>
      </c>
      <c r="C568" s="10" t="s">
        <v>914</v>
      </c>
      <c r="D568" s="10" t="s">
        <v>915</v>
      </c>
      <c r="E568" s="10">
        <v>35752831</v>
      </c>
      <c r="F568" s="10" t="s">
        <v>1338</v>
      </c>
      <c r="G568" s="12">
        <v>129.74</v>
      </c>
      <c r="H568" s="12">
        <v>159.58000000000001</v>
      </c>
      <c r="I568" s="135" t="s">
        <v>920</v>
      </c>
      <c r="J568" s="11"/>
    </row>
    <row r="569" spans="1:10" x14ac:dyDescent="0.25">
      <c r="A569" s="10" t="s">
        <v>1339</v>
      </c>
      <c r="B569" s="211">
        <v>45814</v>
      </c>
      <c r="C569" s="17" t="s">
        <v>134</v>
      </c>
      <c r="D569" s="17" t="s">
        <v>369</v>
      </c>
      <c r="E569" s="60">
        <v>35889063</v>
      </c>
      <c r="F569" s="17" t="s">
        <v>1340</v>
      </c>
      <c r="G569" s="18">
        <v>43.33</v>
      </c>
      <c r="H569" s="18">
        <v>43.33</v>
      </c>
      <c r="I569" s="62" t="s">
        <v>1341</v>
      </c>
      <c r="J569" s="78"/>
    </row>
    <row r="570" spans="1:10" x14ac:dyDescent="0.25">
      <c r="A570" s="10" t="s">
        <v>1342</v>
      </c>
      <c r="B570" s="211">
        <v>45814</v>
      </c>
      <c r="C570" s="17" t="s">
        <v>134</v>
      </c>
      <c r="D570" s="17" t="s">
        <v>369</v>
      </c>
      <c r="E570" s="60">
        <v>35889063</v>
      </c>
      <c r="F570" s="17" t="s">
        <v>1343</v>
      </c>
      <c r="G570" s="12">
        <v>100</v>
      </c>
      <c r="H570" s="12">
        <v>100</v>
      </c>
      <c r="I570" s="62" t="s">
        <v>1341</v>
      </c>
      <c r="J570" s="11"/>
    </row>
    <row r="571" spans="1:10" x14ac:dyDescent="0.25">
      <c r="A571" s="43" t="s">
        <v>1344</v>
      </c>
      <c r="B571" s="211">
        <v>45814</v>
      </c>
      <c r="C571" s="17" t="s">
        <v>134</v>
      </c>
      <c r="D571" s="17" t="s">
        <v>369</v>
      </c>
      <c r="E571" s="60">
        <v>35889063</v>
      </c>
      <c r="F571" s="17" t="s">
        <v>1345</v>
      </c>
      <c r="G571" s="12">
        <v>100</v>
      </c>
      <c r="H571" s="12">
        <v>100</v>
      </c>
      <c r="I571" s="62" t="s">
        <v>1341</v>
      </c>
      <c r="J571" s="11"/>
    </row>
    <row r="572" spans="1:10" x14ac:dyDescent="0.25">
      <c r="A572" s="10" t="s">
        <v>1346</v>
      </c>
      <c r="B572" s="211">
        <v>45814</v>
      </c>
      <c r="C572" s="17" t="s">
        <v>134</v>
      </c>
      <c r="D572" s="17" t="s">
        <v>369</v>
      </c>
      <c r="E572" s="60">
        <v>35889063</v>
      </c>
      <c r="F572" s="17" t="s">
        <v>1347</v>
      </c>
      <c r="G572" s="12">
        <v>100</v>
      </c>
      <c r="H572" s="12">
        <v>100</v>
      </c>
      <c r="I572" s="62" t="s">
        <v>1341</v>
      </c>
      <c r="J572" s="11"/>
    </row>
    <row r="573" spans="1:10" x14ac:dyDescent="0.25">
      <c r="A573" s="10" t="s">
        <v>1348</v>
      </c>
      <c r="B573" s="211">
        <v>45819</v>
      </c>
      <c r="C573" s="17" t="s">
        <v>621</v>
      </c>
      <c r="D573" s="17" t="s">
        <v>622</v>
      </c>
      <c r="E573" s="60">
        <v>36404136</v>
      </c>
      <c r="F573" s="17" t="s">
        <v>1349</v>
      </c>
      <c r="G573" s="12">
        <v>46528.800000000003</v>
      </c>
      <c r="H573" s="12">
        <v>46528.800000000003</v>
      </c>
      <c r="I573" s="62" t="s">
        <v>624</v>
      </c>
      <c r="J573" s="11"/>
    </row>
    <row r="574" spans="1:10" x14ac:dyDescent="0.25">
      <c r="A574" s="10" t="s">
        <v>1350</v>
      </c>
      <c r="B574" s="211">
        <v>45819</v>
      </c>
      <c r="C574" s="17" t="s">
        <v>621</v>
      </c>
      <c r="D574" s="17" t="s">
        <v>622</v>
      </c>
      <c r="E574" s="60">
        <v>36404136</v>
      </c>
      <c r="F574" s="17" t="s">
        <v>1351</v>
      </c>
      <c r="G574" s="12">
        <v>2400</v>
      </c>
      <c r="H574" s="12">
        <v>2952</v>
      </c>
      <c r="I574" s="62" t="s">
        <v>624</v>
      </c>
      <c r="J574" s="11"/>
    </row>
    <row r="575" spans="1:10" x14ac:dyDescent="0.25">
      <c r="A575" s="10" t="s">
        <v>1352</v>
      </c>
      <c r="B575" s="211">
        <v>45819</v>
      </c>
      <c r="C575" s="17" t="s">
        <v>621</v>
      </c>
      <c r="D575" s="17" t="s">
        <v>622</v>
      </c>
      <c r="E575" s="60">
        <v>36404136</v>
      </c>
      <c r="F575" s="17" t="s">
        <v>1353</v>
      </c>
      <c r="G575" s="12">
        <v>9771.06</v>
      </c>
      <c r="H575" s="12">
        <v>12018.4</v>
      </c>
      <c r="I575" s="62" t="s">
        <v>624</v>
      </c>
      <c r="J575" s="11"/>
    </row>
    <row r="576" spans="1:10" x14ac:dyDescent="0.25">
      <c r="A576" s="10" t="s">
        <v>1354</v>
      </c>
      <c r="B576" s="211">
        <v>45819</v>
      </c>
      <c r="C576" s="23" t="s">
        <v>117</v>
      </c>
      <c r="D576" s="23" t="s">
        <v>118</v>
      </c>
      <c r="E576" s="66">
        <v>46380434</v>
      </c>
      <c r="F576" s="23" t="s">
        <v>1355</v>
      </c>
      <c r="G576" s="24">
        <v>189</v>
      </c>
      <c r="H576" s="24" t="s">
        <v>1356</v>
      </c>
      <c r="I576" s="25"/>
      <c r="J576" s="23">
        <v>1352025</v>
      </c>
    </row>
    <row r="577" spans="1:10" x14ac:dyDescent="0.25">
      <c r="A577" s="10" t="s">
        <v>1357</v>
      </c>
      <c r="B577" s="211">
        <v>45820</v>
      </c>
      <c r="C577" s="17" t="s">
        <v>187</v>
      </c>
      <c r="D577" s="17" t="s">
        <v>188</v>
      </c>
      <c r="E577" s="60">
        <v>35954612</v>
      </c>
      <c r="F577" s="11" t="s">
        <v>1358</v>
      </c>
      <c r="G577" s="18" t="s">
        <v>1359</v>
      </c>
      <c r="H577" s="18" t="s">
        <v>1360</v>
      </c>
      <c r="I577" s="13" t="s">
        <v>190</v>
      </c>
      <c r="J577" s="6">
        <v>962025</v>
      </c>
    </row>
    <row r="578" spans="1:10" x14ac:dyDescent="0.25">
      <c r="A578" s="10" t="s">
        <v>1361</v>
      </c>
      <c r="B578" s="211">
        <v>45820</v>
      </c>
      <c r="C578" s="17" t="s">
        <v>187</v>
      </c>
      <c r="D578" s="17" t="s">
        <v>188</v>
      </c>
      <c r="E578" s="60">
        <v>35954612</v>
      </c>
      <c r="F578" s="11" t="s">
        <v>1362</v>
      </c>
      <c r="G578" s="18" t="s">
        <v>1363</v>
      </c>
      <c r="H578" s="18" t="s">
        <v>1364</v>
      </c>
      <c r="I578" s="13" t="s">
        <v>190</v>
      </c>
      <c r="J578" s="6">
        <v>962025</v>
      </c>
    </row>
    <row r="579" spans="1:10" x14ac:dyDescent="0.25">
      <c r="A579" s="43" t="s">
        <v>1365</v>
      </c>
      <c r="B579" s="211">
        <v>45820</v>
      </c>
      <c r="C579" s="17" t="s">
        <v>187</v>
      </c>
      <c r="D579" s="17" t="s">
        <v>188</v>
      </c>
      <c r="E579" s="60">
        <v>35954612</v>
      </c>
      <c r="F579" s="17" t="s">
        <v>1366</v>
      </c>
      <c r="G579" s="18" t="s">
        <v>1367</v>
      </c>
      <c r="H579" s="18" t="s">
        <v>1368</v>
      </c>
      <c r="I579" s="62" t="s">
        <v>190</v>
      </c>
      <c r="J579" s="6">
        <v>962025</v>
      </c>
    </row>
    <row r="580" spans="1:10" x14ac:dyDescent="0.25">
      <c r="A580" s="10" t="s">
        <v>1369</v>
      </c>
      <c r="B580" s="211">
        <v>45820</v>
      </c>
      <c r="C580" s="17" t="s">
        <v>187</v>
      </c>
      <c r="D580" s="17" t="s">
        <v>188</v>
      </c>
      <c r="E580" s="60">
        <v>35954612</v>
      </c>
      <c r="F580" s="11" t="s">
        <v>1370</v>
      </c>
      <c r="G580" s="18" t="s">
        <v>1371</v>
      </c>
      <c r="H580" s="18">
        <v>1542.83</v>
      </c>
      <c r="I580" s="13" t="s">
        <v>190</v>
      </c>
      <c r="J580" s="6">
        <v>962025</v>
      </c>
    </row>
    <row r="581" spans="1:10" x14ac:dyDescent="0.25">
      <c r="A581" s="10" t="s">
        <v>1372</v>
      </c>
      <c r="B581" s="211">
        <v>45820</v>
      </c>
      <c r="C581" s="17" t="s">
        <v>187</v>
      </c>
      <c r="D581" s="17" t="s">
        <v>188</v>
      </c>
      <c r="E581" s="60">
        <v>35954612</v>
      </c>
      <c r="F581" s="11" t="s">
        <v>1373</v>
      </c>
      <c r="G581" s="18">
        <v>1237.99</v>
      </c>
      <c r="H581" s="18">
        <v>1522.73</v>
      </c>
      <c r="I581" s="13" t="s">
        <v>190</v>
      </c>
      <c r="J581" s="6">
        <v>962025</v>
      </c>
    </row>
    <row r="582" spans="1:10" x14ac:dyDescent="0.25">
      <c r="A582" s="43" t="s">
        <v>1374</v>
      </c>
      <c r="B582" s="211">
        <v>45820</v>
      </c>
      <c r="C582" s="17" t="s">
        <v>187</v>
      </c>
      <c r="D582" s="17" t="s">
        <v>188</v>
      </c>
      <c r="E582" s="60">
        <v>35954612</v>
      </c>
      <c r="F582" s="11" t="s">
        <v>1375</v>
      </c>
      <c r="G582" s="18">
        <v>1300.6199999999999</v>
      </c>
      <c r="H582" s="18">
        <v>1599.76</v>
      </c>
      <c r="I582" s="13" t="s">
        <v>190</v>
      </c>
      <c r="J582" s="6">
        <v>962025</v>
      </c>
    </row>
    <row r="583" spans="1:10" x14ac:dyDescent="0.25">
      <c r="A583" s="10" t="s">
        <v>1376</v>
      </c>
      <c r="B583" s="211">
        <v>45820</v>
      </c>
      <c r="C583" s="17" t="s">
        <v>187</v>
      </c>
      <c r="D583" s="17" t="s">
        <v>188</v>
      </c>
      <c r="E583" s="60">
        <v>35954612</v>
      </c>
      <c r="F583" s="11" t="s">
        <v>1377</v>
      </c>
      <c r="G583" s="8">
        <v>1264.3499999999999</v>
      </c>
      <c r="H583" s="8">
        <v>1555.15</v>
      </c>
      <c r="I583" s="13" t="s">
        <v>190</v>
      </c>
      <c r="J583" s="6">
        <v>962025</v>
      </c>
    </row>
    <row r="584" spans="1:10" x14ac:dyDescent="0.25">
      <c r="A584" s="10" t="s">
        <v>1378</v>
      </c>
      <c r="B584" s="211">
        <v>45820</v>
      </c>
      <c r="C584" s="17" t="s">
        <v>187</v>
      </c>
      <c r="D584" s="17" t="s">
        <v>188</v>
      </c>
      <c r="E584" s="60">
        <v>35954612</v>
      </c>
      <c r="F584" s="17" t="s">
        <v>1379</v>
      </c>
      <c r="G584" s="18">
        <v>7520</v>
      </c>
      <c r="H584" s="18">
        <v>9249.6</v>
      </c>
      <c r="I584" s="13" t="s">
        <v>223</v>
      </c>
      <c r="J584" s="11">
        <v>952025</v>
      </c>
    </row>
    <row r="585" spans="1:10" x14ac:dyDescent="0.25">
      <c r="A585" s="43" t="s">
        <v>1380</v>
      </c>
      <c r="B585" s="211">
        <v>45820</v>
      </c>
      <c r="C585" s="17" t="s">
        <v>187</v>
      </c>
      <c r="D585" s="17" t="s">
        <v>188</v>
      </c>
      <c r="E585" s="60">
        <v>35954612</v>
      </c>
      <c r="F585" s="17" t="s">
        <v>1381</v>
      </c>
      <c r="G585" s="18">
        <v>6560</v>
      </c>
      <c r="H585" s="18">
        <v>8068.8</v>
      </c>
      <c r="I585" s="13" t="s">
        <v>223</v>
      </c>
      <c r="J585" s="11">
        <v>952025</v>
      </c>
    </row>
    <row r="586" spans="1:10" x14ac:dyDescent="0.25">
      <c r="A586" s="10" t="s">
        <v>1382</v>
      </c>
      <c r="B586" s="211">
        <v>45820</v>
      </c>
      <c r="C586" s="17" t="s">
        <v>187</v>
      </c>
      <c r="D586" s="17" t="s">
        <v>188</v>
      </c>
      <c r="E586" s="60">
        <v>35954612</v>
      </c>
      <c r="F586" s="17" t="s">
        <v>1383</v>
      </c>
      <c r="G586" s="18">
        <v>6510</v>
      </c>
      <c r="H586" s="18">
        <v>8007.3</v>
      </c>
      <c r="I586" s="13" t="s">
        <v>223</v>
      </c>
      <c r="J586" s="11">
        <v>952025</v>
      </c>
    </row>
    <row r="587" spans="1:10" x14ac:dyDescent="0.25">
      <c r="A587" s="10" t="s">
        <v>1384</v>
      </c>
      <c r="B587" s="211">
        <v>45820</v>
      </c>
      <c r="C587" s="17" t="s">
        <v>187</v>
      </c>
      <c r="D587" s="17" t="s">
        <v>188</v>
      </c>
      <c r="E587" s="60">
        <v>35954612</v>
      </c>
      <c r="F587" s="17" t="s">
        <v>1385</v>
      </c>
      <c r="G587" s="18">
        <v>6970</v>
      </c>
      <c r="H587" s="18">
        <v>8573.1</v>
      </c>
      <c r="I587" s="13" t="s">
        <v>223</v>
      </c>
      <c r="J587" s="11">
        <v>952025</v>
      </c>
    </row>
    <row r="588" spans="1:10" x14ac:dyDescent="0.25">
      <c r="A588" s="43" t="s">
        <v>1386</v>
      </c>
      <c r="B588" s="211">
        <v>45820</v>
      </c>
      <c r="C588" s="17" t="s">
        <v>187</v>
      </c>
      <c r="D588" s="17" t="s">
        <v>188</v>
      </c>
      <c r="E588" s="60">
        <v>35954612</v>
      </c>
      <c r="F588" s="17" t="s">
        <v>1387</v>
      </c>
      <c r="G588" s="18">
        <v>5170</v>
      </c>
      <c r="H588" s="18">
        <v>6359.1</v>
      </c>
      <c r="I588" s="13" t="s">
        <v>223</v>
      </c>
      <c r="J588" s="11">
        <v>952025</v>
      </c>
    </row>
    <row r="589" spans="1:10" x14ac:dyDescent="0.25">
      <c r="A589" s="10" t="s">
        <v>1388</v>
      </c>
      <c r="B589" s="211">
        <v>45820</v>
      </c>
      <c r="C589" s="17" t="s">
        <v>187</v>
      </c>
      <c r="D589" s="17" t="s">
        <v>188</v>
      </c>
      <c r="E589" s="60">
        <v>35954612</v>
      </c>
      <c r="F589" s="17" t="s">
        <v>1389</v>
      </c>
      <c r="G589" s="18">
        <v>6160</v>
      </c>
      <c r="H589" s="18">
        <v>7576.8</v>
      </c>
      <c r="I589" s="13" t="s">
        <v>223</v>
      </c>
      <c r="J589" s="11">
        <v>952025</v>
      </c>
    </row>
    <row r="590" spans="1:10" x14ac:dyDescent="0.25">
      <c r="A590" s="10" t="s">
        <v>1390</v>
      </c>
      <c r="B590" s="211">
        <v>45820</v>
      </c>
      <c r="C590" s="17" t="s">
        <v>187</v>
      </c>
      <c r="D590" s="17" t="s">
        <v>188</v>
      </c>
      <c r="E590" s="60">
        <v>35954612</v>
      </c>
      <c r="F590" s="17" t="s">
        <v>1391</v>
      </c>
      <c r="G590" s="18">
        <v>4000</v>
      </c>
      <c r="H590" s="18">
        <v>4920</v>
      </c>
      <c r="I590" s="13" t="s">
        <v>223</v>
      </c>
      <c r="J590" s="11">
        <v>952025</v>
      </c>
    </row>
    <row r="591" spans="1:10" x14ac:dyDescent="0.25">
      <c r="A591" s="43" t="s">
        <v>1392</v>
      </c>
      <c r="B591" s="211">
        <v>45820</v>
      </c>
      <c r="C591" s="17" t="s">
        <v>187</v>
      </c>
      <c r="D591" s="17" t="s">
        <v>188</v>
      </c>
      <c r="E591" s="60">
        <v>35954612</v>
      </c>
      <c r="F591" s="17" t="s">
        <v>1393</v>
      </c>
      <c r="G591" s="18">
        <v>28110</v>
      </c>
      <c r="H591" s="18">
        <v>34575.300000000003</v>
      </c>
      <c r="I591" s="13" t="s">
        <v>223</v>
      </c>
      <c r="J591" s="11">
        <v>952025</v>
      </c>
    </row>
    <row r="592" spans="1:10" x14ac:dyDescent="0.25">
      <c r="A592" s="10" t="s">
        <v>1394</v>
      </c>
      <c r="B592" s="211">
        <v>45820</v>
      </c>
      <c r="C592" s="17" t="s">
        <v>187</v>
      </c>
      <c r="D592" s="17" t="s">
        <v>188</v>
      </c>
      <c r="E592" s="60">
        <v>35954612</v>
      </c>
      <c r="F592" s="17" t="s">
        <v>1395</v>
      </c>
      <c r="G592" s="18">
        <v>13720</v>
      </c>
      <c r="H592" s="18">
        <v>16875.599999999999</v>
      </c>
      <c r="I592" s="13" t="s">
        <v>223</v>
      </c>
      <c r="J592" s="11">
        <v>952025</v>
      </c>
    </row>
    <row r="593" spans="1:10" x14ac:dyDescent="0.25">
      <c r="A593" s="10" t="s">
        <v>1396</v>
      </c>
      <c r="B593" s="211">
        <v>45820</v>
      </c>
      <c r="C593" s="19" t="s">
        <v>187</v>
      </c>
      <c r="D593" s="19" t="s">
        <v>188</v>
      </c>
      <c r="E593" s="67">
        <v>35954612</v>
      </c>
      <c r="F593" s="19" t="s">
        <v>1397</v>
      </c>
      <c r="G593" s="18">
        <v>6750</v>
      </c>
      <c r="H593" s="18">
        <v>8302.5</v>
      </c>
      <c r="I593" s="13" t="s">
        <v>223</v>
      </c>
      <c r="J593" s="11">
        <v>952025</v>
      </c>
    </row>
    <row r="594" spans="1:10" x14ac:dyDescent="0.25">
      <c r="A594" s="43" t="s">
        <v>1398</v>
      </c>
      <c r="B594" s="211">
        <v>45820</v>
      </c>
      <c r="C594" s="17" t="s">
        <v>187</v>
      </c>
      <c r="D594" s="17" t="s">
        <v>188</v>
      </c>
      <c r="E594" s="60">
        <v>35954612</v>
      </c>
      <c r="F594" s="6" t="s">
        <v>1399</v>
      </c>
      <c r="G594" s="18">
        <v>6769.47</v>
      </c>
      <c r="H594" s="18">
        <v>8326.4500000000007</v>
      </c>
      <c r="I594" s="9" t="s">
        <v>190</v>
      </c>
      <c r="J594" s="6">
        <v>962025</v>
      </c>
    </row>
    <row r="595" spans="1:10" x14ac:dyDescent="0.25">
      <c r="A595" s="10" t="s">
        <v>1400</v>
      </c>
      <c r="B595" s="211">
        <v>45820</v>
      </c>
      <c r="C595" s="11" t="s">
        <v>134</v>
      </c>
      <c r="D595" s="23" t="s">
        <v>135</v>
      </c>
      <c r="E595" s="73">
        <v>35889063</v>
      </c>
      <c r="F595" s="23" t="s">
        <v>462</v>
      </c>
      <c r="G595" s="18">
        <v>22.02</v>
      </c>
      <c r="H595" s="18">
        <v>26.2</v>
      </c>
      <c r="I595" s="13" t="s">
        <v>137</v>
      </c>
      <c r="J595" s="11"/>
    </row>
    <row r="596" spans="1:10" x14ac:dyDescent="0.25">
      <c r="A596" s="10" t="s">
        <v>1401</v>
      </c>
      <c r="B596" s="211">
        <v>45820</v>
      </c>
      <c r="C596" s="23" t="s">
        <v>241</v>
      </c>
      <c r="D596" s="27" t="s">
        <v>242</v>
      </c>
      <c r="E596" s="66">
        <v>36631124</v>
      </c>
      <c r="F596" s="19" t="s">
        <v>1402</v>
      </c>
      <c r="G596" s="18">
        <v>13.5</v>
      </c>
      <c r="H596" s="18">
        <v>16.61</v>
      </c>
      <c r="I596" s="13" t="s">
        <v>611</v>
      </c>
      <c r="J596" s="11"/>
    </row>
    <row r="597" spans="1:10" x14ac:dyDescent="0.25">
      <c r="A597" s="43" t="s">
        <v>1403</v>
      </c>
      <c r="B597" s="211">
        <v>45820</v>
      </c>
      <c r="C597" s="10" t="s">
        <v>241</v>
      </c>
      <c r="D597" s="10" t="s">
        <v>242</v>
      </c>
      <c r="E597" s="10">
        <v>36631124</v>
      </c>
      <c r="F597" s="10" t="s">
        <v>1404</v>
      </c>
      <c r="G597" s="12">
        <v>91.4</v>
      </c>
      <c r="H597" s="12">
        <v>91.4</v>
      </c>
      <c r="I597" s="11" t="s">
        <v>611</v>
      </c>
      <c r="J597" s="11"/>
    </row>
    <row r="598" spans="1:10" x14ac:dyDescent="0.25">
      <c r="A598" s="10" t="s">
        <v>1405</v>
      </c>
      <c r="B598" s="211">
        <v>45820</v>
      </c>
      <c r="C598" s="10" t="s">
        <v>241</v>
      </c>
      <c r="D598" s="10" t="s">
        <v>242</v>
      </c>
      <c r="E598" s="10">
        <v>36631124</v>
      </c>
      <c r="F598" s="10" t="s">
        <v>1406</v>
      </c>
      <c r="G598" s="12">
        <v>476.65</v>
      </c>
      <c r="H598" s="12">
        <v>476.65</v>
      </c>
      <c r="I598" s="11" t="s">
        <v>611</v>
      </c>
      <c r="J598" s="11"/>
    </row>
    <row r="599" spans="1:10" x14ac:dyDescent="0.25">
      <c r="A599" s="10" t="s">
        <v>1407</v>
      </c>
      <c r="B599" s="211">
        <v>45820</v>
      </c>
      <c r="C599" s="10" t="s">
        <v>241</v>
      </c>
      <c r="D599" s="10" t="s">
        <v>242</v>
      </c>
      <c r="E599" s="10">
        <v>36631124</v>
      </c>
      <c r="F599" s="10" t="s">
        <v>1408</v>
      </c>
      <c r="G599" s="12">
        <v>346.9</v>
      </c>
      <c r="H599" s="12">
        <v>346.9</v>
      </c>
      <c r="I599" s="11" t="s">
        <v>611</v>
      </c>
      <c r="J599" s="11"/>
    </row>
    <row r="600" spans="1:10" x14ac:dyDescent="0.25">
      <c r="A600" s="43" t="s">
        <v>1409</v>
      </c>
      <c r="B600" s="211">
        <v>45820</v>
      </c>
      <c r="C600" s="10" t="s">
        <v>241</v>
      </c>
      <c r="D600" s="10" t="s">
        <v>242</v>
      </c>
      <c r="E600" s="10">
        <v>36631124</v>
      </c>
      <c r="F600" s="10" t="s">
        <v>1410</v>
      </c>
      <c r="G600" s="12">
        <v>544.70000000000005</v>
      </c>
      <c r="H600" s="12">
        <v>544.70000000000005</v>
      </c>
      <c r="I600" s="11" t="s">
        <v>611</v>
      </c>
      <c r="J600" s="11"/>
    </row>
    <row r="601" spans="1:10" x14ac:dyDescent="0.25">
      <c r="A601" s="10" t="s">
        <v>1411</v>
      </c>
      <c r="B601" s="211">
        <v>45820</v>
      </c>
      <c r="C601" s="10" t="s">
        <v>241</v>
      </c>
      <c r="D601" s="10" t="s">
        <v>242</v>
      </c>
      <c r="E601" s="10">
        <v>36631124</v>
      </c>
      <c r="F601" s="10" t="s">
        <v>1412</v>
      </c>
      <c r="G601" s="12">
        <v>427.65</v>
      </c>
      <c r="H601" s="12">
        <v>427.65</v>
      </c>
      <c r="I601" s="11" t="s">
        <v>611</v>
      </c>
      <c r="J601" s="11"/>
    </row>
    <row r="602" spans="1:10" x14ac:dyDescent="0.25">
      <c r="A602" s="10" t="s">
        <v>1413</v>
      </c>
      <c r="B602" s="211">
        <v>45820</v>
      </c>
      <c r="C602" s="10" t="s">
        <v>241</v>
      </c>
      <c r="D602" s="10" t="s">
        <v>242</v>
      </c>
      <c r="E602" s="10">
        <v>36631124</v>
      </c>
      <c r="F602" s="10" t="s">
        <v>1414</v>
      </c>
      <c r="G602" s="12">
        <v>106.1</v>
      </c>
      <c r="H602" s="12">
        <v>106.1</v>
      </c>
      <c r="I602" s="11" t="s">
        <v>611</v>
      </c>
      <c r="J602" s="36"/>
    </row>
    <row r="603" spans="1:10" x14ac:dyDescent="0.25">
      <c r="A603" s="43" t="s">
        <v>1415</v>
      </c>
      <c r="B603" s="211">
        <v>45820</v>
      </c>
      <c r="C603" s="10" t="s">
        <v>241</v>
      </c>
      <c r="D603" s="10" t="s">
        <v>242</v>
      </c>
      <c r="E603" s="10">
        <v>36631124</v>
      </c>
      <c r="F603" s="10" t="s">
        <v>1416</v>
      </c>
      <c r="G603" s="12">
        <v>202.3</v>
      </c>
      <c r="H603" s="12">
        <v>202.3</v>
      </c>
      <c r="I603" s="11" t="s">
        <v>611</v>
      </c>
      <c r="J603" s="11"/>
    </row>
    <row r="604" spans="1:10" x14ac:dyDescent="0.25">
      <c r="A604" s="10" t="s">
        <v>1417</v>
      </c>
      <c r="B604" s="211">
        <v>45820</v>
      </c>
      <c r="C604" s="10" t="s">
        <v>241</v>
      </c>
      <c r="D604" s="10" t="s">
        <v>242</v>
      </c>
      <c r="E604" s="63">
        <v>36631124</v>
      </c>
      <c r="F604" s="10" t="s">
        <v>1418</v>
      </c>
      <c r="G604" s="12">
        <v>336.85</v>
      </c>
      <c r="H604" s="12">
        <v>336.85</v>
      </c>
      <c r="I604" s="11" t="s">
        <v>611</v>
      </c>
      <c r="J604" s="11"/>
    </row>
    <row r="605" spans="1:10" x14ac:dyDescent="0.25">
      <c r="A605" s="10" t="s">
        <v>1419</v>
      </c>
      <c r="B605" s="211">
        <v>45820</v>
      </c>
      <c r="C605" s="23" t="s">
        <v>241</v>
      </c>
      <c r="D605" s="27" t="s">
        <v>242</v>
      </c>
      <c r="E605" s="66">
        <v>36631124</v>
      </c>
      <c r="F605" s="19" t="s">
        <v>1402</v>
      </c>
      <c r="G605" s="18">
        <v>7.97</v>
      </c>
      <c r="H605" s="18">
        <v>9.8000000000000007</v>
      </c>
      <c r="I605" s="13" t="s">
        <v>611</v>
      </c>
      <c r="J605" s="11"/>
    </row>
    <row r="606" spans="1:10" x14ac:dyDescent="0.25">
      <c r="A606" s="43" t="s">
        <v>1420</v>
      </c>
      <c r="B606" s="211">
        <v>45820</v>
      </c>
      <c r="C606" s="10" t="s">
        <v>1293</v>
      </c>
      <c r="D606" s="10" t="s">
        <v>1294</v>
      </c>
      <c r="E606" s="10">
        <v>36556050</v>
      </c>
      <c r="F606" s="10" t="s">
        <v>1421</v>
      </c>
      <c r="G606" s="12">
        <v>1490.4</v>
      </c>
      <c r="H606" s="12">
        <v>1833.19</v>
      </c>
      <c r="I606" s="11" t="s">
        <v>1296</v>
      </c>
      <c r="J606" s="11"/>
    </row>
    <row r="607" spans="1:10" x14ac:dyDescent="0.25">
      <c r="A607" s="10" t="s">
        <v>1422</v>
      </c>
      <c r="B607" s="211">
        <v>45821</v>
      </c>
      <c r="C607" s="10" t="s">
        <v>720</v>
      </c>
      <c r="D607" s="23" t="s">
        <v>1423</v>
      </c>
      <c r="E607" s="66">
        <v>30223288</v>
      </c>
      <c r="F607" s="10" t="s">
        <v>1424</v>
      </c>
      <c r="G607" s="12">
        <v>1550</v>
      </c>
      <c r="H607" s="12">
        <v>1906.5</v>
      </c>
      <c r="I607" s="11" t="s">
        <v>723</v>
      </c>
      <c r="J607" s="11">
        <v>1162025</v>
      </c>
    </row>
    <row r="608" spans="1:10" x14ac:dyDescent="0.25">
      <c r="A608" s="10" t="s">
        <v>1425</v>
      </c>
      <c r="B608" s="211">
        <v>45824</v>
      </c>
      <c r="C608" s="10" t="s">
        <v>171</v>
      </c>
      <c r="D608" s="23" t="s">
        <v>266</v>
      </c>
      <c r="E608" s="66">
        <v>52599515</v>
      </c>
      <c r="F608" s="10" t="s">
        <v>1426</v>
      </c>
      <c r="G608" s="12">
        <v>1771.25</v>
      </c>
      <c r="H608" s="12">
        <v>2109.1999999999998</v>
      </c>
      <c r="I608" s="11" t="s">
        <v>173</v>
      </c>
      <c r="J608" s="11"/>
    </row>
    <row r="609" spans="1:10" x14ac:dyDescent="0.25">
      <c r="A609" s="43" t="s">
        <v>1427</v>
      </c>
      <c r="B609" s="211">
        <v>45824</v>
      </c>
      <c r="C609" s="10" t="s">
        <v>134</v>
      </c>
      <c r="D609" s="23" t="s">
        <v>135</v>
      </c>
      <c r="E609" s="73">
        <v>35889063</v>
      </c>
      <c r="F609" s="23" t="s">
        <v>1428</v>
      </c>
      <c r="G609" s="18">
        <v>19.989999999999998</v>
      </c>
      <c r="H609" s="18">
        <v>23.79</v>
      </c>
      <c r="I609" s="13" t="s">
        <v>137</v>
      </c>
      <c r="J609" s="11"/>
    </row>
    <row r="610" spans="1:10" x14ac:dyDescent="0.25">
      <c r="A610" s="10" t="s">
        <v>1429</v>
      </c>
      <c r="B610" s="211">
        <v>45824</v>
      </c>
      <c r="C610" s="17" t="s">
        <v>187</v>
      </c>
      <c r="D610" s="17" t="s">
        <v>188</v>
      </c>
      <c r="E610" s="60">
        <v>35954612</v>
      </c>
      <c r="F610" s="6" t="s">
        <v>1430</v>
      </c>
      <c r="G610" s="18">
        <v>1315.22</v>
      </c>
      <c r="H610" s="18">
        <v>1617.72</v>
      </c>
      <c r="I610" s="9" t="s">
        <v>190</v>
      </c>
      <c r="J610" s="6">
        <v>962025</v>
      </c>
    </row>
    <row r="611" spans="1:10" x14ac:dyDescent="0.25">
      <c r="A611" s="10" t="s">
        <v>1431</v>
      </c>
      <c r="B611" s="211">
        <v>45824</v>
      </c>
      <c r="C611" s="89" t="s">
        <v>357</v>
      </c>
      <c r="D611" s="11" t="s">
        <v>358</v>
      </c>
      <c r="E611" s="63">
        <v>36250481</v>
      </c>
      <c r="F611" s="11" t="s">
        <v>1432</v>
      </c>
      <c r="G611" s="45">
        <v>6876</v>
      </c>
      <c r="H611" s="45">
        <v>8457.48</v>
      </c>
      <c r="I611" s="13" t="s">
        <v>360</v>
      </c>
      <c r="J611" s="11">
        <v>1402025</v>
      </c>
    </row>
    <row r="612" spans="1:10" x14ac:dyDescent="0.25">
      <c r="A612" s="10" t="s">
        <v>1433</v>
      </c>
      <c r="B612" s="211">
        <v>45819</v>
      </c>
      <c r="C612" s="10" t="s">
        <v>302</v>
      </c>
      <c r="D612" s="10" t="s">
        <v>303</v>
      </c>
      <c r="E612" s="10">
        <v>45156424</v>
      </c>
      <c r="F612" s="6" t="s">
        <v>1434</v>
      </c>
      <c r="G612" s="12">
        <v>8892.4500000000007</v>
      </c>
      <c r="H612" s="12">
        <v>10937.71</v>
      </c>
      <c r="I612" s="11" t="s">
        <v>305</v>
      </c>
      <c r="J612" s="11"/>
    </row>
    <row r="613" spans="1:10" x14ac:dyDescent="0.25">
      <c r="A613" s="10" t="s">
        <v>1435</v>
      </c>
      <c r="B613" s="216">
        <v>45826</v>
      </c>
      <c r="C613" s="43" t="s">
        <v>277</v>
      </c>
      <c r="D613" s="46" t="s">
        <v>278</v>
      </c>
      <c r="E613" s="43">
        <v>36237337</v>
      </c>
      <c r="F613" s="87" t="s">
        <v>1436</v>
      </c>
      <c r="G613" s="12">
        <v>135</v>
      </c>
      <c r="H613" s="12">
        <v>166.05</v>
      </c>
      <c r="I613" s="11" t="s">
        <v>435</v>
      </c>
      <c r="J613" s="11"/>
    </row>
    <row r="614" spans="1:10" s="99" customFormat="1" x14ac:dyDescent="0.25">
      <c r="A614" s="43" t="s">
        <v>1437</v>
      </c>
      <c r="B614" s="212">
        <v>45827</v>
      </c>
      <c r="C614" s="88" t="s">
        <v>139</v>
      </c>
      <c r="D614" s="33" t="s">
        <v>140</v>
      </c>
      <c r="E614" s="64">
        <v>47235713</v>
      </c>
      <c r="F614" s="33" t="s">
        <v>1438</v>
      </c>
      <c r="G614" s="18">
        <v>539.99</v>
      </c>
      <c r="H614" s="18">
        <v>642.59</v>
      </c>
      <c r="I614" s="6" t="s">
        <v>142</v>
      </c>
      <c r="J614" s="6"/>
    </row>
    <row r="615" spans="1:10" x14ac:dyDescent="0.25">
      <c r="A615" s="10" t="s">
        <v>1439</v>
      </c>
      <c r="B615" s="211">
        <v>45826</v>
      </c>
      <c r="C615" s="10" t="s">
        <v>1302</v>
      </c>
      <c r="D615" s="10" t="s">
        <v>1303</v>
      </c>
      <c r="E615" s="10">
        <v>34144994</v>
      </c>
      <c r="F615" s="79" t="s">
        <v>1440</v>
      </c>
      <c r="G615" s="12">
        <v>4072</v>
      </c>
      <c r="H615" s="12">
        <v>5008.5600000000004</v>
      </c>
      <c r="I615" s="11"/>
      <c r="J615" s="11">
        <v>1442025</v>
      </c>
    </row>
    <row r="616" spans="1:10" x14ac:dyDescent="0.25">
      <c r="A616" s="10" t="s">
        <v>1441</v>
      </c>
      <c r="B616" s="211">
        <v>45828</v>
      </c>
      <c r="C616" s="10" t="s">
        <v>277</v>
      </c>
      <c r="D616" s="10" t="s">
        <v>278</v>
      </c>
      <c r="E616" s="10">
        <v>36237337</v>
      </c>
      <c r="F616" s="79" t="s">
        <v>1442</v>
      </c>
      <c r="G616" s="12">
        <v>70</v>
      </c>
      <c r="H616" s="12">
        <v>86.1</v>
      </c>
      <c r="I616" s="11" t="s">
        <v>280</v>
      </c>
      <c r="J616" s="11"/>
    </row>
    <row r="617" spans="1:10" x14ac:dyDescent="0.25">
      <c r="A617" s="43" t="s">
        <v>1443</v>
      </c>
      <c r="B617" s="211">
        <v>45828</v>
      </c>
      <c r="C617" s="10" t="s">
        <v>100</v>
      </c>
      <c r="D617" s="16" t="s">
        <v>101</v>
      </c>
      <c r="E617" s="65">
        <v>36769304</v>
      </c>
      <c r="F617" s="16" t="s">
        <v>1170</v>
      </c>
      <c r="G617" s="69">
        <v>210</v>
      </c>
      <c r="H617" s="18">
        <v>258.3</v>
      </c>
      <c r="I617" s="80"/>
      <c r="J617" s="16">
        <v>1052025</v>
      </c>
    </row>
    <row r="618" spans="1:10" x14ac:dyDescent="0.25">
      <c r="A618" s="43" t="s">
        <v>1444</v>
      </c>
      <c r="B618" s="211">
        <v>45828</v>
      </c>
      <c r="C618" s="10" t="s">
        <v>122</v>
      </c>
      <c r="D618" s="16" t="s">
        <v>123</v>
      </c>
      <c r="E618" s="65">
        <v>46921931</v>
      </c>
      <c r="F618" s="16" t="s">
        <v>1445</v>
      </c>
      <c r="G618" s="69">
        <v>24175.42</v>
      </c>
      <c r="H618" s="18">
        <v>25754.76</v>
      </c>
      <c r="I618" s="80" t="s">
        <v>1175</v>
      </c>
      <c r="J618" s="16"/>
    </row>
    <row r="619" spans="1:10" x14ac:dyDescent="0.25">
      <c r="A619" s="10" t="s">
        <v>1446</v>
      </c>
      <c r="B619" s="211">
        <v>45828</v>
      </c>
      <c r="C619" s="90" t="s">
        <v>725</v>
      </c>
      <c r="D619" s="10" t="s">
        <v>726</v>
      </c>
      <c r="E619" s="63">
        <v>37590286</v>
      </c>
      <c r="F619" s="10" t="s">
        <v>1447</v>
      </c>
      <c r="G619" s="12">
        <v>650</v>
      </c>
      <c r="H619" s="12">
        <v>650</v>
      </c>
      <c r="I619" s="11"/>
      <c r="J619" s="11">
        <v>1642025</v>
      </c>
    </row>
    <row r="620" spans="1:10" x14ac:dyDescent="0.25">
      <c r="A620" s="43" t="s">
        <v>1448</v>
      </c>
      <c r="B620" s="211">
        <v>45831</v>
      </c>
      <c r="C620" s="90" t="s">
        <v>668</v>
      </c>
      <c r="D620" s="16" t="s">
        <v>669</v>
      </c>
      <c r="E620" s="65">
        <v>42137004</v>
      </c>
      <c r="F620" s="16" t="s">
        <v>1449</v>
      </c>
      <c r="G620" s="12">
        <v>100</v>
      </c>
      <c r="H620" s="12">
        <v>100</v>
      </c>
      <c r="I620" s="11"/>
      <c r="J620" s="11">
        <v>432025</v>
      </c>
    </row>
    <row r="621" spans="1:10" x14ac:dyDescent="0.25">
      <c r="A621" s="10" t="s">
        <v>1450</v>
      </c>
      <c r="B621" s="211">
        <v>45831</v>
      </c>
      <c r="C621" s="89" t="s">
        <v>707</v>
      </c>
      <c r="D621" s="11" t="s">
        <v>31</v>
      </c>
      <c r="E621" s="76">
        <v>36287229</v>
      </c>
      <c r="F621" s="11" t="s">
        <v>1451</v>
      </c>
      <c r="G621" s="12">
        <v>78.05</v>
      </c>
      <c r="H621" s="12">
        <v>96</v>
      </c>
      <c r="I621" s="13"/>
      <c r="J621" s="11">
        <v>1672025</v>
      </c>
    </row>
    <row r="622" spans="1:10" x14ac:dyDescent="0.25">
      <c r="A622" s="10" t="s">
        <v>1452</v>
      </c>
      <c r="B622" s="211">
        <v>45835</v>
      </c>
      <c r="C622" s="89" t="s">
        <v>277</v>
      </c>
      <c r="D622" s="11" t="s">
        <v>278</v>
      </c>
      <c r="E622" s="63">
        <v>36237337</v>
      </c>
      <c r="F622" s="13" t="s">
        <v>1453</v>
      </c>
      <c r="G622" s="18">
        <v>175</v>
      </c>
      <c r="H622" s="18">
        <v>215.25</v>
      </c>
      <c r="I622" s="13" t="s">
        <v>280</v>
      </c>
      <c r="J622" s="11"/>
    </row>
    <row r="623" spans="1:10" x14ac:dyDescent="0.25">
      <c r="A623" s="43" t="s">
        <v>1454</v>
      </c>
      <c r="B623" s="211">
        <v>45838</v>
      </c>
      <c r="C623" s="90" t="s">
        <v>1455</v>
      </c>
      <c r="D623" s="10" t="s">
        <v>1456</v>
      </c>
      <c r="E623" s="10">
        <v>48291374</v>
      </c>
      <c r="F623" t="s">
        <v>1457</v>
      </c>
      <c r="G623" s="12">
        <v>407</v>
      </c>
      <c r="H623" s="12">
        <v>407</v>
      </c>
      <c r="I623" s="11"/>
      <c r="J623" s="11" t="s">
        <v>1458</v>
      </c>
    </row>
    <row r="624" spans="1:10" x14ac:dyDescent="0.25">
      <c r="A624" s="10" t="s">
        <v>1459</v>
      </c>
      <c r="B624" s="212">
        <v>45847</v>
      </c>
      <c r="C624" s="96" t="s">
        <v>155</v>
      </c>
      <c r="D624" s="6" t="s">
        <v>156</v>
      </c>
      <c r="E624" s="101">
        <v>36687936</v>
      </c>
      <c r="F624" s="6" t="s">
        <v>1460</v>
      </c>
      <c r="G624" s="18">
        <v>10775.64</v>
      </c>
      <c r="H624" s="18">
        <v>13254.04</v>
      </c>
      <c r="I624" s="13" t="s">
        <v>158</v>
      </c>
      <c r="J624" s="6"/>
    </row>
    <row r="625" spans="1:10" x14ac:dyDescent="0.25">
      <c r="A625" s="10" t="s">
        <v>1461</v>
      </c>
      <c r="B625" s="211">
        <v>45838</v>
      </c>
      <c r="C625" s="90" t="s">
        <v>1462</v>
      </c>
      <c r="D625" s="10" t="s">
        <v>1463</v>
      </c>
      <c r="E625" s="10">
        <v>54669464</v>
      </c>
      <c r="F625" s="10" t="s">
        <v>1464</v>
      </c>
      <c r="G625" s="12">
        <v>2000</v>
      </c>
      <c r="H625" s="12">
        <v>2460</v>
      </c>
      <c r="I625" s="11"/>
      <c r="J625" s="11">
        <v>1372025</v>
      </c>
    </row>
    <row r="626" spans="1:10" x14ac:dyDescent="0.25">
      <c r="A626" s="43" t="s">
        <v>1465</v>
      </c>
      <c r="B626" s="211">
        <v>45838</v>
      </c>
      <c r="C626" s="91" t="s">
        <v>44</v>
      </c>
      <c r="D626" s="23" t="s">
        <v>45</v>
      </c>
      <c r="E626" s="86">
        <v>35731851</v>
      </c>
      <c r="F626" s="23" t="s">
        <v>1466</v>
      </c>
      <c r="G626" s="18">
        <v>350</v>
      </c>
      <c r="H626" s="18">
        <v>430.5</v>
      </c>
      <c r="I626" s="25" t="s">
        <v>47</v>
      </c>
      <c r="J626" s="23">
        <v>1792024</v>
      </c>
    </row>
    <row r="627" spans="1:10" x14ac:dyDescent="0.25">
      <c r="A627" s="10" t="s">
        <v>1467</v>
      </c>
      <c r="B627" s="211">
        <v>45838</v>
      </c>
      <c r="C627" s="91" t="s">
        <v>44</v>
      </c>
      <c r="D627" s="23" t="s">
        <v>45</v>
      </c>
      <c r="E627" s="86">
        <v>35731851</v>
      </c>
      <c r="F627" s="23" t="s">
        <v>1468</v>
      </c>
      <c r="G627" s="18">
        <v>350</v>
      </c>
      <c r="H627" s="18">
        <v>430.5</v>
      </c>
      <c r="I627" s="25" t="s">
        <v>47</v>
      </c>
      <c r="J627" s="23">
        <v>1792024</v>
      </c>
    </row>
    <row r="628" spans="1:10" x14ac:dyDescent="0.25">
      <c r="A628" s="10" t="s">
        <v>1469</v>
      </c>
      <c r="B628" s="211">
        <v>45838</v>
      </c>
      <c r="C628" s="91" t="s">
        <v>44</v>
      </c>
      <c r="D628" s="23" t="s">
        <v>45</v>
      </c>
      <c r="E628" s="86">
        <v>35731851</v>
      </c>
      <c r="F628" s="23" t="s">
        <v>1470</v>
      </c>
      <c r="G628" s="18">
        <v>350</v>
      </c>
      <c r="H628" s="18">
        <v>430.5</v>
      </c>
      <c r="I628" s="25" t="s">
        <v>47</v>
      </c>
      <c r="J628" s="23">
        <v>1792024</v>
      </c>
    </row>
    <row r="629" spans="1:10" x14ac:dyDescent="0.25">
      <c r="A629" s="43" t="s">
        <v>1471</v>
      </c>
      <c r="B629" s="211">
        <v>45838</v>
      </c>
      <c r="C629" s="91" t="s">
        <v>44</v>
      </c>
      <c r="D629" s="23" t="s">
        <v>45</v>
      </c>
      <c r="E629" s="86">
        <v>35731851</v>
      </c>
      <c r="F629" s="23" t="s">
        <v>1472</v>
      </c>
      <c r="G629" s="18">
        <v>350</v>
      </c>
      <c r="H629" s="18">
        <v>430.5</v>
      </c>
      <c r="I629" s="25" t="s">
        <v>47</v>
      </c>
      <c r="J629" s="23">
        <v>1792024</v>
      </c>
    </row>
    <row r="630" spans="1:10" x14ac:dyDescent="0.25">
      <c r="A630" s="10" t="s">
        <v>1473</v>
      </c>
      <c r="B630" s="211">
        <v>45838</v>
      </c>
      <c r="C630" s="91" t="s">
        <v>44</v>
      </c>
      <c r="D630" s="23" t="s">
        <v>45</v>
      </c>
      <c r="E630" s="86">
        <v>35731851</v>
      </c>
      <c r="F630" s="23" t="s">
        <v>1474</v>
      </c>
      <c r="G630" s="18">
        <v>350</v>
      </c>
      <c r="H630" s="18">
        <v>430.5</v>
      </c>
      <c r="I630" s="25" t="s">
        <v>47</v>
      </c>
      <c r="J630" s="23">
        <v>1792024</v>
      </c>
    </row>
    <row r="631" spans="1:10" x14ac:dyDescent="0.25">
      <c r="A631" s="10" t="s">
        <v>1475</v>
      </c>
      <c r="B631" s="211">
        <v>45838</v>
      </c>
      <c r="C631" s="91" t="s">
        <v>44</v>
      </c>
      <c r="D631" s="23" t="s">
        <v>45</v>
      </c>
      <c r="E631" s="86">
        <v>35731851</v>
      </c>
      <c r="F631" s="23" t="s">
        <v>1476</v>
      </c>
      <c r="G631" s="18">
        <v>350</v>
      </c>
      <c r="H631" s="18">
        <v>430.5</v>
      </c>
      <c r="I631" s="25" t="s">
        <v>47</v>
      </c>
      <c r="J631" s="23">
        <v>1792024</v>
      </c>
    </row>
    <row r="632" spans="1:10" x14ac:dyDescent="0.25">
      <c r="A632" s="43" t="s">
        <v>1477</v>
      </c>
      <c r="B632" s="211">
        <v>45838</v>
      </c>
      <c r="C632" s="91" t="s">
        <v>44</v>
      </c>
      <c r="D632" s="23" t="s">
        <v>45</v>
      </c>
      <c r="E632" s="86">
        <v>35731851</v>
      </c>
      <c r="F632" s="23" t="s">
        <v>1478</v>
      </c>
      <c r="G632" s="18">
        <v>350</v>
      </c>
      <c r="H632" s="18">
        <v>430.5</v>
      </c>
      <c r="I632" s="25" t="s">
        <v>47</v>
      </c>
      <c r="J632" s="23">
        <v>1792024</v>
      </c>
    </row>
    <row r="633" spans="1:10" x14ac:dyDescent="0.25">
      <c r="A633" s="10" t="s">
        <v>1479</v>
      </c>
      <c r="B633" s="211">
        <v>45838</v>
      </c>
      <c r="C633" s="91" t="s">
        <v>44</v>
      </c>
      <c r="D633" s="23" t="s">
        <v>45</v>
      </c>
      <c r="E633" s="86">
        <v>35731851</v>
      </c>
      <c r="F633" s="23" t="s">
        <v>1480</v>
      </c>
      <c r="G633" s="18">
        <v>350</v>
      </c>
      <c r="H633" s="18">
        <v>430.5</v>
      </c>
      <c r="I633" s="25" t="s">
        <v>47</v>
      </c>
      <c r="J633" s="23">
        <v>1792024</v>
      </c>
    </row>
    <row r="634" spans="1:10" x14ac:dyDescent="0.25">
      <c r="A634" s="10" t="s">
        <v>1481</v>
      </c>
      <c r="B634" s="211">
        <v>45838</v>
      </c>
      <c r="C634" s="90" t="s">
        <v>1482</v>
      </c>
      <c r="D634" s="10" t="s">
        <v>1483</v>
      </c>
      <c r="E634" s="10">
        <v>31348653</v>
      </c>
      <c r="F634" s="10" t="s">
        <v>1484</v>
      </c>
      <c r="G634" s="12">
        <v>518</v>
      </c>
      <c r="H634" s="12">
        <v>637.14</v>
      </c>
      <c r="I634" s="11" t="s">
        <v>1485</v>
      </c>
      <c r="J634" s="11" t="s">
        <v>1486</v>
      </c>
    </row>
    <row r="635" spans="1:10" x14ac:dyDescent="0.25">
      <c r="A635" s="43" t="s">
        <v>1487</v>
      </c>
      <c r="B635" s="211">
        <v>45838</v>
      </c>
      <c r="C635" s="90" t="s">
        <v>1482</v>
      </c>
      <c r="D635" s="10" t="s">
        <v>1483</v>
      </c>
      <c r="E635" s="10">
        <v>31348653</v>
      </c>
      <c r="F635" s="10" t="s">
        <v>1488</v>
      </c>
      <c r="G635" s="12">
        <v>592</v>
      </c>
      <c r="H635" s="12">
        <v>728.16</v>
      </c>
      <c r="I635" s="11" t="s">
        <v>1485</v>
      </c>
      <c r="J635" s="11" t="s">
        <v>1486</v>
      </c>
    </row>
    <row r="636" spans="1:10" x14ac:dyDescent="0.25">
      <c r="A636" s="10" t="s">
        <v>1489</v>
      </c>
      <c r="B636" s="211">
        <v>45839</v>
      </c>
      <c r="C636" s="90" t="s">
        <v>1482</v>
      </c>
      <c r="D636" s="10" t="s">
        <v>1483</v>
      </c>
      <c r="E636" s="10">
        <v>31348653</v>
      </c>
      <c r="F636" s="10" t="s">
        <v>1490</v>
      </c>
      <c r="G636" s="12">
        <v>479</v>
      </c>
      <c r="H636" s="12">
        <v>589.16999999999996</v>
      </c>
      <c r="I636" s="11" t="s">
        <v>1485</v>
      </c>
      <c r="J636" s="11" t="s">
        <v>1486</v>
      </c>
    </row>
    <row r="637" spans="1:10" x14ac:dyDescent="0.25">
      <c r="A637" s="10" t="s">
        <v>1491</v>
      </c>
      <c r="B637" s="211">
        <v>45838</v>
      </c>
      <c r="C637" s="90" t="s">
        <v>1482</v>
      </c>
      <c r="D637" s="10" t="s">
        <v>1483</v>
      </c>
      <c r="E637" s="10">
        <v>31348653</v>
      </c>
      <c r="F637" s="10" t="s">
        <v>1492</v>
      </c>
      <c r="G637" s="12">
        <v>1258</v>
      </c>
      <c r="H637" s="12">
        <v>1547.34</v>
      </c>
      <c r="I637" s="11" t="s">
        <v>1485</v>
      </c>
      <c r="J637" s="11" t="s">
        <v>1486</v>
      </c>
    </row>
    <row r="638" spans="1:10" x14ac:dyDescent="0.25">
      <c r="A638" s="43" t="s">
        <v>1493</v>
      </c>
      <c r="B638" s="211">
        <v>45838</v>
      </c>
      <c r="C638" s="90" t="s">
        <v>1482</v>
      </c>
      <c r="D638" s="10" t="s">
        <v>1483</v>
      </c>
      <c r="E638" s="10">
        <v>31348653</v>
      </c>
      <c r="F638" s="10" t="s">
        <v>1494</v>
      </c>
      <c r="G638" s="12">
        <v>444</v>
      </c>
      <c r="H638" s="12">
        <v>546.12</v>
      </c>
      <c r="I638" s="11" t="s">
        <v>1485</v>
      </c>
      <c r="J638" s="11" t="s">
        <v>1486</v>
      </c>
    </row>
    <row r="639" spans="1:10" x14ac:dyDescent="0.25">
      <c r="A639" s="10" t="s">
        <v>1495</v>
      </c>
      <c r="B639" s="211">
        <v>45839</v>
      </c>
      <c r="C639" s="90" t="s">
        <v>1482</v>
      </c>
      <c r="D639" s="10" t="s">
        <v>1483</v>
      </c>
      <c r="E639" s="10">
        <v>31348653</v>
      </c>
      <c r="F639" s="10" t="s">
        <v>1496</v>
      </c>
      <c r="G639" s="12">
        <v>370</v>
      </c>
      <c r="H639" s="12">
        <v>455.1</v>
      </c>
      <c r="I639" s="11" t="s">
        <v>1485</v>
      </c>
      <c r="J639" s="11" t="s">
        <v>1486</v>
      </c>
    </row>
    <row r="640" spans="1:10" x14ac:dyDescent="0.25">
      <c r="A640" s="10" t="s">
        <v>1497</v>
      </c>
      <c r="B640" s="211">
        <v>45839</v>
      </c>
      <c r="C640" s="90" t="s">
        <v>1482</v>
      </c>
      <c r="D640" s="10" t="s">
        <v>1483</v>
      </c>
      <c r="E640" s="10">
        <v>31348653</v>
      </c>
      <c r="F640" s="10" t="s">
        <v>1496</v>
      </c>
      <c r="G640" s="12">
        <v>518</v>
      </c>
      <c r="H640" s="12">
        <v>637.14</v>
      </c>
      <c r="I640" s="11" t="s">
        <v>1485</v>
      </c>
      <c r="J640" s="11" t="s">
        <v>1486</v>
      </c>
    </row>
    <row r="641" spans="1:10" x14ac:dyDescent="0.25">
      <c r="A641" s="43" t="s">
        <v>1498</v>
      </c>
      <c r="B641" s="211">
        <v>45840</v>
      </c>
      <c r="C641" s="90" t="s">
        <v>1482</v>
      </c>
      <c r="D641" s="10" t="s">
        <v>1483</v>
      </c>
      <c r="E641" s="10">
        <v>31348653</v>
      </c>
      <c r="F641" s="79" t="s">
        <v>1499</v>
      </c>
      <c r="G641" s="12">
        <v>352.24</v>
      </c>
      <c r="H641" s="12">
        <v>433.26</v>
      </c>
      <c r="I641" s="11" t="s">
        <v>1485</v>
      </c>
      <c r="J641" s="11">
        <v>17820025</v>
      </c>
    </row>
    <row r="642" spans="1:10" x14ac:dyDescent="0.25">
      <c r="A642" s="43" t="s">
        <v>1500</v>
      </c>
      <c r="B642" s="211">
        <v>45840</v>
      </c>
      <c r="C642" s="92" t="s">
        <v>139</v>
      </c>
      <c r="D642" s="22" t="s">
        <v>140</v>
      </c>
      <c r="E642" s="63">
        <v>47235713</v>
      </c>
      <c r="F642" s="11" t="s">
        <v>1501</v>
      </c>
      <c r="G642" s="18">
        <v>1747.6</v>
      </c>
      <c r="H642" s="18">
        <v>2149.5500000000002</v>
      </c>
      <c r="I642" s="13" t="s">
        <v>142</v>
      </c>
      <c r="J642" s="36"/>
    </row>
    <row r="643" spans="1:10" x14ac:dyDescent="0.25">
      <c r="A643" s="43" t="s">
        <v>1502</v>
      </c>
      <c r="B643" s="211">
        <v>45839</v>
      </c>
      <c r="C643" s="90" t="s">
        <v>134</v>
      </c>
      <c r="D643" s="10" t="s">
        <v>369</v>
      </c>
      <c r="E643" s="10">
        <v>35889063</v>
      </c>
      <c r="F643" s="17" t="s">
        <v>1503</v>
      </c>
      <c r="G643" s="12">
        <v>100</v>
      </c>
      <c r="H643" s="12">
        <v>100</v>
      </c>
      <c r="I643" s="62" t="s">
        <v>1341</v>
      </c>
      <c r="J643" s="11"/>
    </row>
    <row r="644" spans="1:10" x14ac:dyDescent="0.25">
      <c r="A644" s="43" t="s">
        <v>1504</v>
      </c>
      <c r="B644" s="211">
        <v>45839</v>
      </c>
      <c r="C644" s="90" t="s">
        <v>171</v>
      </c>
      <c r="D644" s="10" t="s">
        <v>369</v>
      </c>
      <c r="E644" s="10">
        <v>35889063</v>
      </c>
      <c r="F644" s="23" t="s">
        <v>1505</v>
      </c>
      <c r="G644" s="12">
        <v>226901.61</v>
      </c>
      <c r="H644" s="12">
        <v>334599.71999999997</v>
      </c>
      <c r="I644" s="25" t="s">
        <v>699</v>
      </c>
      <c r="J644" s="11"/>
    </row>
    <row r="645" spans="1:10" x14ac:dyDescent="0.25">
      <c r="A645" s="43" t="s">
        <v>1506</v>
      </c>
      <c r="B645" s="211">
        <v>45839</v>
      </c>
      <c r="C645" s="90" t="s">
        <v>148</v>
      </c>
      <c r="D645" s="23" t="s">
        <v>365</v>
      </c>
      <c r="E645" s="66">
        <v>53227514</v>
      </c>
      <c r="F645" s="23" t="s">
        <v>1507</v>
      </c>
      <c r="G645" s="12">
        <v>15394</v>
      </c>
      <c r="H645" s="12">
        <v>16624</v>
      </c>
      <c r="I645" s="11" t="s">
        <v>151</v>
      </c>
      <c r="J645" s="11"/>
    </row>
    <row r="646" spans="1:10" x14ac:dyDescent="0.25">
      <c r="A646" s="43" t="s">
        <v>1508</v>
      </c>
      <c r="B646" s="211">
        <v>45839</v>
      </c>
      <c r="C646" s="90" t="s">
        <v>148</v>
      </c>
      <c r="D646" s="10" t="s">
        <v>365</v>
      </c>
      <c r="E646" s="10">
        <v>53227514</v>
      </c>
      <c r="F646" s="23" t="s">
        <v>1509</v>
      </c>
      <c r="G646" s="12">
        <v>2500</v>
      </c>
      <c r="H646" s="12">
        <v>3075</v>
      </c>
      <c r="I646" s="11" t="s">
        <v>151</v>
      </c>
      <c r="J646" s="11"/>
    </row>
    <row r="647" spans="1:10" x14ac:dyDescent="0.25">
      <c r="A647" s="43" t="s">
        <v>1510</v>
      </c>
      <c r="B647" s="211">
        <v>45839</v>
      </c>
      <c r="C647" s="90" t="s">
        <v>774</v>
      </c>
      <c r="D647" s="10" t="s">
        <v>775</v>
      </c>
      <c r="E647" s="10">
        <v>36857165</v>
      </c>
      <c r="F647" s="10" t="s">
        <v>1511</v>
      </c>
      <c r="G647" s="12">
        <v>4.99</v>
      </c>
      <c r="H647" s="12">
        <v>6.14</v>
      </c>
      <c r="I647" s="11" t="s">
        <v>777</v>
      </c>
      <c r="J647" s="11"/>
    </row>
    <row r="648" spans="1:10" x14ac:dyDescent="0.25">
      <c r="A648" s="43" t="s">
        <v>1512</v>
      </c>
      <c r="B648" s="211">
        <v>45840</v>
      </c>
      <c r="C648" s="93" t="s">
        <v>139</v>
      </c>
      <c r="D648" s="68" t="s">
        <v>140</v>
      </c>
      <c r="E648" s="65">
        <v>47235713</v>
      </c>
      <c r="F648" s="16" t="s">
        <v>1513</v>
      </c>
      <c r="G648" s="18">
        <v>20</v>
      </c>
      <c r="H648" s="18">
        <v>24.6</v>
      </c>
      <c r="I648" s="80" t="s">
        <v>142</v>
      </c>
      <c r="J648" s="16"/>
    </row>
    <row r="649" spans="1:10" x14ac:dyDescent="0.25">
      <c r="A649" s="43" t="s">
        <v>1514</v>
      </c>
      <c r="B649" s="211">
        <v>45840</v>
      </c>
      <c r="C649" s="93" t="s">
        <v>139</v>
      </c>
      <c r="D649" s="16" t="s">
        <v>140</v>
      </c>
      <c r="E649" s="65">
        <v>47235713</v>
      </c>
      <c r="F649" s="16" t="s">
        <v>1515</v>
      </c>
      <c r="G649" s="18">
        <v>6434.5</v>
      </c>
      <c r="H649" s="18">
        <v>7914.44</v>
      </c>
      <c r="I649" s="80" t="s">
        <v>142</v>
      </c>
      <c r="J649" s="16"/>
    </row>
    <row r="650" spans="1:10" x14ac:dyDescent="0.25">
      <c r="A650" s="43" t="s">
        <v>1516</v>
      </c>
      <c r="B650" s="211">
        <v>45840</v>
      </c>
      <c r="C650" s="93" t="s">
        <v>139</v>
      </c>
      <c r="D650" s="16" t="s">
        <v>140</v>
      </c>
      <c r="E650" s="65">
        <v>47235713</v>
      </c>
      <c r="F650" s="16" t="s">
        <v>1517</v>
      </c>
      <c r="G650" s="18">
        <v>26336.080000000002</v>
      </c>
      <c r="H650" s="18">
        <v>27188.81</v>
      </c>
      <c r="I650" s="80" t="s">
        <v>142</v>
      </c>
      <c r="J650" s="16"/>
    </row>
    <row r="651" spans="1:10" x14ac:dyDescent="0.25">
      <c r="A651" s="43" t="s">
        <v>1518</v>
      </c>
      <c r="B651" s="211">
        <v>45839</v>
      </c>
      <c r="C651" s="94" t="s">
        <v>1519</v>
      </c>
      <c r="D651" s="19" t="s">
        <v>1520</v>
      </c>
      <c r="E651" s="67">
        <v>31611630</v>
      </c>
      <c r="F651" s="19" t="s">
        <v>1521</v>
      </c>
      <c r="G651" s="20">
        <v>188.4</v>
      </c>
      <c r="H651" s="20">
        <v>231.73</v>
      </c>
      <c r="I651" s="61"/>
      <c r="J651" s="19">
        <v>1272025</v>
      </c>
    </row>
    <row r="652" spans="1:10" x14ac:dyDescent="0.25">
      <c r="A652" s="43" t="s">
        <v>1522</v>
      </c>
      <c r="B652" s="211">
        <v>45839</v>
      </c>
      <c r="C652" s="95" t="s">
        <v>127</v>
      </c>
      <c r="D652" s="16" t="s">
        <v>128</v>
      </c>
      <c r="E652" s="65">
        <v>36795135</v>
      </c>
      <c r="F652" s="10" t="s">
        <v>1523</v>
      </c>
      <c r="G652" s="18">
        <v>2142.4</v>
      </c>
      <c r="H652" s="18">
        <v>2619.73</v>
      </c>
      <c r="I652" s="9" t="s">
        <v>130</v>
      </c>
      <c r="J652" s="16"/>
    </row>
    <row r="653" spans="1:10" x14ac:dyDescent="0.25">
      <c r="A653" s="43" t="s">
        <v>1524</v>
      </c>
      <c r="B653" s="211">
        <v>45839</v>
      </c>
      <c r="C653" s="96" t="s">
        <v>127</v>
      </c>
      <c r="D653" s="6" t="s">
        <v>128</v>
      </c>
      <c r="E653" s="64">
        <v>36795135</v>
      </c>
      <c r="F653" s="6" t="s">
        <v>1525</v>
      </c>
      <c r="G653" s="8">
        <v>6648.86</v>
      </c>
      <c r="H653" s="8">
        <v>6648.86</v>
      </c>
      <c r="I653" s="9" t="s">
        <v>963</v>
      </c>
      <c r="J653" s="6"/>
    </row>
    <row r="654" spans="1:10" x14ac:dyDescent="0.25">
      <c r="A654" s="43" t="s">
        <v>1526</v>
      </c>
      <c r="B654" s="211">
        <v>45839</v>
      </c>
      <c r="C654" s="95" t="s">
        <v>127</v>
      </c>
      <c r="D654" s="16" t="s">
        <v>128</v>
      </c>
      <c r="E654" s="65">
        <v>36795135</v>
      </c>
      <c r="F654" s="10" t="s">
        <v>1527</v>
      </c>
      <c r="G654" s="12">
        <v>754.2</v>
      </c>
      <c r="H654" s="12">
        <v>927.67</v>
      </c>
      <c r="I654" s="9" t="s">
        <v>968</v>
      </c>
      <c r="J654" s="11"/>
    </row>
    <row r="655" spans="1:10" x14ac:dyDescent="0.25">
      <c r="A655" s="43" t="s">
        <v>1528</v>
      </c>
      <c r="B655" s="211">
        <v>45839</v>
      </c>
      <c r="C655" s="96" t="s">
        <v>164</v>
      </c>
      <c r="D655" s="6" t="s">
        <v>165</v>
      </c>
      <c r="E655" s="70">
        <v>43799485</v>
      </c>
      <c r="F655" s="6" t="s">
        <v>1529</v>
      </c>
      <c r="G655" s="18">
        <v>3000</v>
      </c>
      <c r="H655" s="18">
        <v>3670</v>
      </c>
      <c r="I655" s="9" t="s">
        <v>167</v>
      </c>
      <c r="J655" s="6"/>
    </row>
    <row r="656" spans="1:10" x14ac:dyDescent="0.25">
      <c r="A656" s="43" t="s">
        <v>1530</v>
      </c>
      <c r="B656" s="211">
        <v>45839</v>
      </c>
      <c r="C656" s="96" t="s">
        <v>164</v>
      </c>
      <c r="D656" s="6" t="s">
        <v>165</v>
      </c>
      <c r="E656" s="64">
        <v>43799485</v>
      </c>
      <c r="F656" s="6" t="s">
        <v>1531</v>
      </c>
      <c r="G656" s="18">
        <v>17868.330000000002</v>
      </c>
      <c r="H656" s="18">
        <v>18006.330000000002</v>
      </c>
      <c r="I656" s="9" t="s">
        <v>167</v>
      </c>
      <c r="J656" s="6"/>
    </row>
    <row r="657" spans="1:10" x14ac:dyDescent="0.25">
      <c r="A657" s="43" t="s">
        <v>1532</v>
      </c>
      <c r="B657" s="211">
        <v>45840</v>
      </c>
      <c r="C657" s="90" t="s">
        <v>1533</v>
      </c>
      <c r="D657" s="16" t="s">
        <v>106</v>
      </c>
      <c r="E657" s="65">
        <v>31327681</v>
      </c>
      <c r="F657" t="s">
        <v>1237</v>
      </c>
      <c r="G657" s="12">
        <v>6641.81</v>
      </c>
      <c r="H657" s="12">
        <v>8169.43</v>
      </c>
      <c r="I657" s="11" t="s">
        <v>108</v>
      </c>
      <c r="J657" s="11">
        <v>142025</v>
      </c>
    </row>
    <row r="658" spans="1:10" x14ac:dyDescent="0.25">
      <c r="A658" s="43" t="s">
        <v>1534</v>
      </c>
      <c r="B658" s="211">
        <v>45840</v>
      </c>
      <c r="C658" s="90" t="s">
        <v>720</v>
      </c>
      <c r="D658" s="23" t="s">
        <v>1423</v>
      </c>
      <c r="E658" s="66">
        <v>30223288</v>
      </c>
      <c r="F658" s="10" t="s">
        <v>1535</v>
      </c>
      <c r="G658" s="12">
        <v>1594.88</v>
      </c>
      <c r="H658" s="12">
        <v>1961.7</v>
      </c>
      <c r="I658" s="11" t="s">
        <v>723</v>
      </c>
      <c r="J658" s="11">
        <v>1452025</v>
      </c>
    </row>
    <row r="659" spans="1:10" x14ac:dyDescent="0.25">
      <c r="A659" s="43" t="s">
        <v>1536</v>
      </c>
      <c r="B659" s="211">
        <v>45841</v>
      </c>
      <c r="C659" s="90" t="s">
        <v>1105</v>
      </c>
      <c r="D659" s="19" t="s">
        <v>1106</v>
      </c>
      <c r="E659" s="67">
        <v>35780886</v>
      </c>
      <c r="F659" s="10" t="s">
        <v>1107</v>
      </c>
      <c r="G659" s="12">
        <v>20000</v>
      </c>
      <c r="H659" s="12">
        <v>24600</v>
      </c>
      <c r="I659" s="11"/>
      <c r="J659" s="11">
        <v>762025</v>
      </c>
    </row>
    <row r="660" spans="1:10" x14ac:dyDescent="0.25">
      <c r="A660" s="43" t="s">
        <v>1537</v>
      </c>
      <c r="B660" s="211">
        <v>45841</v>
      </c>
      <c r="C660" s="90" t="s">
        <v>63</v>
      </c>
      <c r="D660" s="16" t="s">
        <v>64</v>
      </c>
      <c r="E660" s="41">
        <v>35872900</v>
      </c>
      <c r="F660" t="s">
        <v>1538</v>
      </c>
      <c r="G660" s="12">
        <v>3100</v>
      </c>
      <c r="H660" s="12">
        <v>3813</v>
      </c>
      <c r="I660" s="97" t="s">
        <v>66</v>
      </c>
      <c r="J660" s="16">
        <v>1152025</v>
      </c>
    </row>
    <row r="661" spans="1:10" x14ac:dyDescent="0.25">
      <c r="A661" s="43" t="s">
        <v>1539</v>
      </c>
      <c r="B661" s="211">
        <v>45841</v>
      </c>
      <c r="C661" s="90" t="s">
        <v>68</v>
      </c>
      <c r="D661" s="23" t="s">
        <v>771</v>
      </c>
      <c r="E661" s="66">
        <v>51906988</v>
      </c>
      <c r="F661" s="16" t="s">
        <v>1540</v>
      </c>
      <c r="G661" s="66">
        <v>882.08</v>
      </c>
      <c r="H661" s="12">
        <v>1084.96</v>
      </c>
      <c r="I661" s="11" t="s">
        <v>71</v>
      </c>
      <c r="J661" s="11"/>
    </row>
    <row r="662" spans="1:10" x14ac:dyDescent="0.25">
      <c r="A662" s="43" t="s">
        <v>1541</v>
      </c>
      <c r="B662" s="211">
        <v>45841</v>
      </c>
      <c r="C662" s="90" t="s">
        <v>117</v>
      </c>
      <c r="D662" s="23" t="s">
        <v>118</v>
      </c>
      <c r="E662" s="66">
        <v>46380434</v>
      </c>
      <c r="F662" s="23" t="s">
        <v>1542</v>
      </c>
      <c r="G662" s="12">
        <v>1045</v>
      </c>
      <c r="H662" s="12">
        <v>1285.3499999999999</v>
      </c>
      <c r="I662" s="25" t="s">
        <v>120</v>
      </c>
      <c r="J662" s="11"/>
    </row>
    <row r="663" spans="1:10" x14ac:dyDescent="0.25">
      <c r="A663" s="43" t="s">
        <v>1543</v>
      </c>
      <c r="B663" s="211">
        <v>45841</v>
      </c>
      <c r="C663" s="89" t="s">
        <v>81</v>
      </c>
      <c r="D663" s="16" t="s">
        <v>82</v>
      </c>
      <c r="E663" s="65">
        <v>35697270</v>
      </c>
      <c r="F663" s="16" t="s">
        <v>1544</v>
      </c>
      <c r="G663" s="18">
        <v>4.08</v>
      </c>
      <c r="H663" s="18">
        <v>5.0199999999999996</v>
      </c>
      <c r="I663" s="80" t="s">
        <v>84</v>
      </c>
      <c r="J663" s="16"/>
    </row>
    <row r="664" spans="1:10" x14ac:dyDescent="0.25">
      <c r="A664" s="43" t="s">
        <v>1545</v>
      </c>
      <c r="B664" s="211">
        <v>45841</v>
      </c>
      <c r="C664" s="89" t="s">
        <v>81</v>
      </c>
      <c r="D664" s="16" t="s">
        <v>82</v>
      </c>
      <c r="E664" s="65">
        <v>35697270</v>
      </c>
      <c r="F664" s="16" t="s">
        <v>1546</v>
      </c>
      <c r="G664" s="18">
        <v>4.08</v>
      </c>
      <c r="H664" s="18">
        <v>5.0199999999999996</v>
      </c>
      <c r="I664" s="80" t="s">
        <v>84</v>
      </c>
      <c r="J664" s="16"/>
    </row>
    <row r="665" spans="1:10" x14ac:dyDescent="0.25">
      <c r="A665" s="43" t="s">
        <v>1547</v>
      </c>
      <c r="B665" s="211">
        <v>45842</v>
      </c>
      <c r="C665" s="90" t="s">
        <v>95</v>
      </c>
      <c r="D665" s="17" t="s">
        <v>96</v>
      </c>
      <c r="E665" s="60">
        <v>31322832</v>
      </c>
      <c r="F665" s="11" t="s">
        <v>1548</v>
      </c>
      <c r="G665" s="12">
        <v>4019.62</v>
      </c>
      <c r="H665" s="12">
        <v>4944.17</v>
      </c>
      <c r="I665" s="11" t="s">
        <v>98</v>
      </c>
      <c r="J665" s="11"/>
    </row>
    <row r="666" spans="1:10" x14ac:dyDescent="0.25">
      <c r="A666" s="43" t="s">
        <v>1549</v>
      </c>
      <c r="B666" s="211">
        <v>45841</v>
      </c>
      <c r="C666" s="90" t="s">
        <v>357</v>
      </c>
      <c r="D666" s="6" t="s">
        <v>358</v>
      </c>
      <c r="E666" s="64">
        <v>36250481</v>
      </c>
      <c r="F666" s="16" t="s">
        <v>1550</v>
      </c>
      <c r="G666" s="18">
        <v>780</v>
      </c>
      <c r="H666" s="18">
        <v>959.4</v>
      </c>
      <c r="I666" s="9" t="s">
        <v>360</v>
      </c>
      <c r="J666" s="11">
        <v>1802025</v>
      </c>
    </row>
    <row r="667" spans="1:10" x14ac:dyDescent="0.25">
      <c r="A667" s="43" t="s">
        <v>1551</v>
      </c>
      <c r="B667" s="211">
        <v>45845</v>
      </c>
      <c r="C667" s="90" t="s">
        <v>15</v>
      </c>
      <c r="D667" s="10" t="s">
        <v>1265</v>
      </c>
      <c r="E667" s="65">
        <v>35722533</v>
      </c>
      <c r="F667" s="16" t="s">
        <v>1552</v>
      </c>
      <c r="G667" s="12">
        <v>3526</v>
      </c>
      <c r="H667" s="12">
        <v>4336.9799999999996</v>
      </c>
      <c r="I667" s="11" t="s">
        <v>18</v>
      </c>
      <c r="J667" s="11"/>
    </row>
    <row r="668" spans="1:10" x14ac:dyDescent="0.25">
      <c r="A668" s="43" t="s">
        <v>1553</v>
      </c>
      <c r="B668" s="211">
        <v>45845</v>
      </c>
      <c r="C668" s="90" t="s">
        <v>15</v>
      </c>
      <c r="D668" s="10" t="s">
        <v>1265</v>
      </c>
      <c r="E668" s="65">
        <v>35722533</v>
      </c>
      <c r="F668" s="10" t="s">
        <v>855</v>
      </c>
      <c r="G668" s="12">
        <v>114800</v>
      </c>
      <c r="H668" s="12">
        <v>141204</v>
      </c>
      <c r="I668" s="11" t="s">
        <v>18</v>
      </c>
      <c r="J668" s="11">
        <v>1702025</v>
      </c>
    </row>
    <row r="669" spans="1:10" x14ac:dyDescent="0.25">
      <c r="A669" s="43" t="s">
        <v>1554</v>
      </c>
      <c r="B669" s="211">
        <v>45845</v>
      </c>
      <c r="C669" s="90" t="s">
        <v>15</v>
      </c>
      <c r="D669" s="10" t="s">
        <v>1265</v>
      </c>
      <c r="E669" s="65">
        <v>35722533</v>
      </c>
      <c r="F669" s="10" t="s">
        <v>855</v>
      </c>
      <c r="G669" s="12">
        <v>64800</v>
      </c>
      <c r="H669" s="12">
        <v>79704</v>
      </c>
      <c r="I669" s="11" t="s">
        <v>18</v>
      </c>
      <c r="J669" s="11">
        <v>1322025</v>
      </c>
    </row>
    <row r="670" spans="1:10" x14ac:dyDescent="0.25">
      <c r="A670" s="43" t="s">
        <v>1555</v>
      </c>
      <c r="B670" s="211">
        <v>45842</v>
      </c>
      <c r="C670" s="90" t="s">
        <v>182</v>
      </c>
      <c r="D670" s="11" t="s">
        <v>183</v>
      </c>
      <c r="E670" s="63">
        <v>48059528</v>
      </c>
      <c r="F670" s="11" t="s">
        <v>1556</v>
      </c>
      <c r="G670" s="18">
        <v>3510.48</v>
      </c>
      <c r="H670" s="18">
        <v>3686</v>
      </c>
      <c r="I670" s="13" t="s">
        <v>185</v>
      </c>
      <c r="J670" s="11"/>
    </row>
    <row r="671" spans="1:10" x14ac:dyDescent="0.25">
      <c r="A671" s="43" t="s">
        <v>1557</v>
      </c>
      <c r="B671" s="211">
        <v>45842</v>
      </c>
      <c r="C671" s="90" t="s">
        <v>357</v>
      </c>
      <c r="D671" s="6" t="s">
        <v>358</v>
      </c>
      <c r="E671" s="64">
        <v>36250481</v>
      </c>
      <c r="F671" s="16" t="s">
        <v>1558</v>
      </c>
      <c r="G671" s="18">
        <v>34865.5</v>
      </c>
      <c r="H671" s="18">
        <v>42884.57</v>
      </c>
      <c r="I671" s="9" t="s">
        <v>360</v>
      </c>
      <c r="J671" s="11" t="s">
        <v>1001</v>
      </c>
    </row>
    <row r="672" spans="1:10" x14ac:dyDescent="0.25">
      <c r="A672" s="43" t="s">
        <v>1559</v>
      </c>
      <c r="B672" s="211">
        <v>45842</v>
      </c>
      <c r="C672" s="90" t="s">
        <v>357</v>
      </c>
      <c r="D672" s="6" t="s">
        <v>358</v>
      </c>
      <c r="E672" s="64">
        <v>36250481</v>
      </c>
      <c r="F672" s="16" t="s">
        <v>1560</v>
      </c>
      <c r="G672" s="12">
        <v>7856.1</v>
      </c>
      <c r="H672" s="12">
        <v>9663</v>
      </c>
      <c r="I672" s="11" t="s">
        <v>360</v>
      </c>
      <c r="J672" s="11">
        <v>922025</v>
      </c>
    </row>
    <row r="673" spans="1:10" x14ac:dyDescent="0.25">
      <c r="A673" s="43" t="s">
        <v>1561</v>
      </c>
      <c r="B673" s="211">
        <v>45842</v>
      </c>
      <c r="C673" s="90" t="s">
        <v>357</v>
      </c>
      <c r="D673" s="6" t="s">
        <v>358</v>
      </c>
      <c r="E673" s="64">
        <v>36250481</v>
      </c>
      <c r="F673" s="11" t="s">
        <v>1562</v>
      </c>
      <c r="G673" s="18">
        <v>3500</v>
      </c>
      <c r="H673" s="18">
        <v>4305</v>
      </c>
      <c r="I673" s="13" t="s">
        <v>387</v>
      </c>
      <c r="J673" s="11"/>
    </row>
    <row r="674" spans="1:10" x14ac:dyDescent="0.25">
      <c r="A674" s="43" t="s">
        <v>1563</v>
      </c>
      <c r="B674" s="211">
        <v>45842</v>
      </c>
      <c r="C674" s="90" t="s">
        <v>357</v>
      </c>
      <c r="D674" s="6" t="s">
        <v>358</v>
      </c>
      <c r="E674" s="64">
        <v>36250481</v>
      </c>
      <c r="F674" s="16" t="s">
        <v>1560</v>
      </c>
      <c r="G674" s="12">
        <v>2160</v>
      </c>
      <c r="H674" s="12">
        <v>2656.8</v>
      </c>
      <c r="I674" s="11" t="s">
        <v>360</v>
      </c>
      <c r="J674" s="11">
        <v>922025</v>
      </c>
    </row>
    <row r="675" spans="1:10" x14ac:dyDescent="0.25">
      <c r="A675" s="43" t="s">
        <v>1564</v>
      </c>
      <c r="B675" s="211">
        <v>45842</v>
      </c>
      <c r="C675" s="90" t="s">
        <v>357</v>
      </c>
      <c r="D675" s="6" t="s">
        <v>358</v>
      </c>
      <c r="E675" s="64">
        <v>36250481</v>
      </c>
      <c r="F675" s="16" t="s">
        <v>1565</v>
      </c>
      <c r="G675" s="12">
        <v>160</v>
      </c>
      <c r="H675" s="12">
        <v>196.8</v>
      </c>
      <c r="I675" s="11" t="s">
        <v>360</v>
      </c>
      <c r="J675" s="11">
        <v>912025</v>
      </c>
    </row>
    <row r="676" spans="1:10" x14ac:dyDescent="0.25">
      <c r="A676" s="43" t="s">
        <v>3641</v>
      </c>
      <c r="B676" s="294">
        <v>45845</v>
      </c>
      <c r="C676" s="90" t="s">
        <v>155</v>
      </c>
      <c r="D676" s="10" t="s">
        <v>156</v>
      </c>
      <c r="E676" s="308">
        <v>36687936</v>
      </c>
      <c r="F676" s="11" t="s">
        <v>1577</v>
      </c>
      <c r="G676" s="45">
        <v>2777.8</v>
      </c>
      <c r="H676" s="45">
        <v>3416.69</v>
      </c>
      <c r="I676" s="13" t="s">
        <v>158</v>
      </c>
      <c r="J676" s="11"/>
    </row>
    <row r="677" spans="1:10" x14ac:dyDescent="0.25">
      <c r="A677" s="43" t="s">
        <v>1566</v>
      </c>
      <c r="B677" s="211">
        <v>45845</v>
      </c>
      <c r="C677" s="90" t="s">
        <v>1302</v>
      </c>
      <c r="D677" s="10" t="s">
        <v>1303</v>
      </c>
      <c r="E677" s="10">
        <v>34144994</v>
      </c>
      <c r="F677" s="79" t="s">
        <v>1567</v>
      </c>
      <c r="G677" s="12">
        <v>240</v>
      </c>
      <c r="H677" s="12">
        <v>295.2</v>
      </c>
      <c r="I677" s="11"/>
      <c r="J677" s="11">
        <v>1552025</v>
      </c>
    </row>
    <row r="678" spans="1:10" x14ac:dyDescent="0.25">
      <c r="A678" s="43" t="s">
        <v>1568</v>
      </c>
      <c r="B678" s="211">
        <v>45845</v>
      </c>
      <c r="C678" s="89" t="s">
        <v>389</v>
      </c>
      <c r="D678" s="11" t="s">
        <v>390</v>
      </c>
      <c r="E678" s="63">
        <v>35900831</v>
      </c>
      <c r="F678" s="11" t="s">
        <v>1569</v>
      </c>
      <c r="G678" s="18">
        <v>98</v>
      </c>
      <c r="H678" s="18">
        <v>98</v>
      </c>
      <c r="I678" s="13"/>
      <c r="J678" s="11">
        <v>1112025</v>
      </c>
    </row>
    <row r="679" spans="1:10" x14ac:dyDescent="0.25">
      <c r="A679" s="43" t="s">
        <v>1570</v>
      </c>
      <c r="B679" s="211">
        <v>45845</v>
      </c>
      <c r="C679" s="96" t="s">
        <v>155</v>
      </c>
      <c r="D679" s="6" t="s">
        <v>156</v>
      </c>
      <c r="E679" s="64">
        <v>36687938</v>
      </c>
      <c r="F679" s="6" t="s">
        <v>1571</v>
      </c>
      <c r="G679" s="18">
        <v>326.95</v>
      </c>
      <c r="H679" s="18">
        <v>389.07</v>
      </c>
      <c r="I679" s="9" t="s">
        <v>158</v>
      </c>
      <c r="J679" s="6"/>
    </row>
    <row r="680" spans="1:10" x14ac:dyDescent="0.25">
      <c r="A680" s="43" t="s">
        <v>1572</v>
      </c>
      <c r="B680" s="211">
        <v>45845</v>
      </c>
      <c r="C680" s="89" t="s">
        <v>155</v>
      </c>
      <c r="D680" s="11" t="s">
        <v>156</v>
      </c>
      <c r="E680" s="63">
        <v>36687938</v>
      </c>
      <c r="F680" s="11" t="s">
        <v>1573</v>
      </c>
      <c r="G680" s="45">
        <v>14.72</v>
      </c>
      <c r="H680" s="45">
        <v>17.52</v>
      </c>
      <c r="I680" s="13" t="s">
        <v>158</v>
      </c>
      <c r="J680" s="11"/>
    </row>
    <row r="681" spans="1:10" x14ac:dyDescent="0.25">
      <c r="A681" s="43" t="s">
        <v>1574</v>
      </c>
      <c r="B681" s="211">
        <v>45846</v>
      </c>
      <c r="C681" s="90" t="s">
        <v>546</v>
      </c>
      <c r="D681" s="10" t="s">
        <v>547</v>
      </c>
      <c r="E681" s="63">
        <v>31402445</v>
      </c>
      <c r="F681" s="10" t="s">
        <v>1575</v>
      </c>
      <c r="G681" s="12">
        <v>395</v>
      </c>
      <c r="H681" s="12">
        <v>485.85</v>
      </c>
      <c r="I681" s="11" t="s">
        <v>549</v>
      </c>
      <c r="J681" s="11"/>
    </row>
    <row r="682" spans="1:10" x14ac:dyDescent="0.25">
      <c r="A682" s="43" t="s">
        <v>1576</v>
      </c>
      <c r="B682" s="211">
        <v>45845</v>
      </c>
      <c r="C682" s="90" t="s">
        <v>155</v>
      </c>
      <c r="D682" s="11" t="s">
        <v>156</v>
      </c>
      <c r="E682" s="63">
        <v>36687936</v>
      </c>
      <c r="F682" s="11" t="s">
        <v>1577</v>
      </c>
      <c r="G682" s="18">
        <v>2777.8</v>
      </c>
      <c r="H682" s="18">
        <v>3416.69</v>
      </c>
      <c r="I682" s="13" t="s">
        <v>158</v>
      </c>
      <c r="J682" s="11"/>
    </row>
    <row r="683" spans="1:10" x14ac:dyDescent="0.25">
      <c r="A683" s="43" t="s">
        <v>1578</v>
      </c>
      <c r="B683" s="211">
        <v>45845</v>
      </c>
      <c r="C683" s="90" t="s">
        <v>155</v>
      </c>
      <c r="D683" s="10" t="s">
        <v>156</v>
      </c>
      <c r="E683" s="63">
        <v>36687936</v>
      </c>
      <c r="F683" s="11" t="s">
        <v>1579</v>
      </c>
      <c r="G683" s="18">
        <v>4386</v>
      </c>
      <c r="H683" s="18">
        <v>5394.78</v>
      </c>
      <c r="I683" s="13" t="s">
        <v>158</v>
      </c>
      <c r="J683" s="11"/>
    </row>
    <row r="684" spans="1:10" x14ac:dyDescent="0.25">
      <c r="A684" s="43" t="s">
        <v>1580</v>
      </c>
      <c r="B684" s="211">
        <v>45845</v>
      </c>
      <c r="C684" s="90" t="s">
        <v>155</v>
      </c>
      <c r="D684" s="10" t="s">
        <v>156</v>
      </c>
      <c r="E684" s="10">
        <v>36687936</v>
      </c>
      <c r="F684" s="11" t="s">
        <v>1581</v>
      </c>
      <c r="G684" s="18">
        <v>19323.099999999999</v>
      </c>
      <c r="H684" s="18">
        <v>19714.099999999999</v>
      </c>
      <c r="I684" s="13" t="s">
        <v>158</v>
      </c>
      <c r="J684" s="11"/>
    </row>
    <row r="685" spans="1:10" x14ac:dyDescent="0.25">
      <c r="A685" s="43" t="s">
        <v>1582</v>
      </c>
      <c r="B685" s="211">
        <v>45847</v>
      </c>
      <c r="C685" s="90" t="s">
        <v>1583</v>
      </c>
      <c r="D685" s="10" t="s">
        <v>1584</v>
      </c>
      <c r="E685" s="10">
        <v>36215791</v>
      </c>
      <c r="F685" s="10" t="s">
        <v>1585</v>
      </c>
      <c r="G685" s="12">
        <v>316.95</v>
      </c>
      <c r="H685" s="12">
        <v>389.85</v>
      </c>
      <c r="I685" s="11" t="s">
        <v>1586</v>
      </c>
      <c r="J685" s="11" t="s">
        <v>1587</v>
      </c>
    </row>
    <row r="686" spans="1:10" x14ac:dyDescent="0.25">
      <c r="A686" s="43" t="s">
        <v>1588</v>
      </c>
      <c r="B686" s="211">
        <v>45846</v>
      </c>
      <c r="C686" s="90" t="s">
        <v>716</v>
      </c>
      <c r="D686" s="10" t="s">
        <v>717</v>
      </c>
      <c r="E686" s="63">
        <v>36752070</v>
      </c>
      <c r="F686" s="10" t="s">
        <v>1589</v>
      </c>
      <c r="G686" s="12">
        <v>4950.41</v>
      </c>
      <c r="H686" s="12">
        <v>6089</v>
      </c>
      <c r="I686" s="11"/>
      <c r="J686" s="11">
        <v>1482025</v>
      </c>
    </row>
    <row r="687" spans="1:10" x14ac:dyDescent="0.25">
      <c r="A687" s="43" t="s">
        <v>1590</v>
      </c>
      <c r="B687" s="211">
        <v>45846</v>
      </c>
      <c r="C687" s="90" t="s">
        <v>171</v>
      </c>
      <c r="D687" s="10" t="s">
        <v>266</v>
      </c>
      <c r="E687" s="65">
        <v>52599515</v>
      </c>
      <c r="F687" s="16" t="s">
        <v>1591</v>
      </c>
      <c r="G687" s="12">
        <v>14000</v>
      </c>
      <c r="H687" s="12">
        <v>17220</v>
      </c>
      <c r="I687" s="11" t="s">
        <v>1592</v>
      </c>
      <c r="J687" s="11"/>
    </row>
    <row r="688" spans="1:10" x14ac:dyDescent="0.25">
      <c r="A688" s="10" t="s">
        <v>1593</v>
      </c>
      <c r="B688" s="213">
        <v>45846</v>
      </c>
      <c r="C688" s="98" t="s">
        <v>171</v>
      </c>
      <c r="D688" s="10" t="s">
        <v>266</v>
      </c>
      <c r="E688" s="65">
        <v>52599515</v>
      </c>
      <c r="F688" s="14" t="s">
        <v>1594</v>
      </c>
      <c r="G688" s="15">
        <v>2625</v>
      </c>
      <c r="H688" s="15">
        <v>3228.75</v>
      </c>
      <c r="I688" s="116" t="s">
        <v>1592</v>
      </c>
      <c r="J688" s="116"/>
    </row>
    <row r="689" spans="1:10" x14ac:dyDescent="0.25">
      <c r="A689" s="10" t="s">
        <v>1595</v>
      </c>
      <c r="B689" s="211">
        <v>45846</v>
      </c>
      <c r="C689" s="90" t="s">
        <v>455</v>
      </c>
      <c r="D689" s="6" t="s">
        <v>607</v>
      </c>
      <c r="E689" s="33">
        <v>31609058</v>
      </c>
      <c r="F689" s="6" t="s">
        <v>1596</v>
      </c>
      <c r="G689" s="12">
        <v>720</v>
      </c>
      <c r="H689" s="12">
        <v>885.6</v>
      </c>
      <c r="I689" s="11" t="s">
        <v>458</v>
      </c>
      <c r="J689" s="11"/>
    </row>
    <row r="690" spans="1:10" x14ac:dyDescent="0.25">
      <c r="A690" s="10" t="s">
        <v>1597</v>
      </c>
      <c r="B690" s="211">
        <v>45847</v>
      </c>
      <c r="C690" s="90" t="s">
        <v>455</v>
      </c>
      <c r="D690" s="10" t="s">
        <v>607</v>
      </c>
      <c r="E690" s="10">
        <v>31609058</v>
      </c>
      <c r="F690" s="10" t="s">
        <v>1598</v>
      </c>
      <c r="G690" s="12">
        <v>181.9</v>
      </c>
      <c r="H690" s="12">
        <v>223.74</v>
      </c>
      <c r="I690" s="11" t="s">
        <v>458</v>
      </c>
      <c r="J690" s="11"/>
    </row>
    <row r="691" spans="1:10" x14ac:dyDescent="0.25">
      <c r="A691" s="10" t="s">
        <v>1599</v>
      </c>
      <c r="B691" s="211">
        <v>45847</v>
      </c>
      <c r="C691" s="90" t="s">
        <v>914</v>
      </c>
      <c r="D691" s="10" t="s">
        <v>915</v>
      </c>
      <c r="E691" s="10">
        <v>35752831</v>
      </c>
      <c r="F691" s="10" t="s">
        <v>1600</v>
      </c>
      <c r="G691" s="12">
        <v>712</v>
      </c>
      <c r="H691" s="12">
        <v>875.76</v>
      </c>
      <c r="I691" s="11"/>
      <c r="J691" s="11">
        <v>1522025</v>
      </c>
    </row>
    <row r="692" spans="1:10" x14ac:dyDescent="0.25">
      <c r="A692" s="10" t="s">
        <v>1601</v>
      </c>
      <c r="B692" s="211">
        <v>45847</v>
      </c>
      <c r="C692" s="90" t="s">
        <v>914</v>
      </c>
      <c r="D692" s="10" t="s">
        <v>915</v>
      </c>
      <c r="E692" s="10">
        <v>35752831</v>
      </c>
      <c r="F692" s="10" t="s">
        <v>1602</v>
      </c>
      <c r="G692" s="12">
        <v>203.73</v>
      </c>
      <c r="H692" s="12">
        <v>250.59</v>
      </c>
      <c r="I692" s="135" t="s">
        <v>917</v>
      </c>
      <c r="J692" s="11"/>
    </row>
    <row r="693" spans="1:10" x14ac:dyDescent="0.25">
      <c r="A693" s="10" t="s">
        <v>1603</v>
      </c>
      <c r="B693" s="211">
        <v>45847</v>
      </c>
      <c r="C693" s="90" t="s">
        <v>914</v>
      </c>
      <c r="D693" s="10" t="s">
        <v>915</v>
      </c>
      <c r="E693" s="10">
        <v>35752831</v>
      </c>
      <c r="F693" s="10" t="s">
        <v>1604</v>
      </c>
      <c r="G693" s="12">
        <v>129.74</v>
      </c>
      <c r="H693" s="12">
        <v>159.58000000000001</v>
      </c>
      <c r="I693" s="135" t="s">
        <v>920</v>
      </c>
      <c r="J693" s="11"/>
    </row>
    <row r="694" spans="1:10" x14ac:dyDescent="0.25">
      <c r="A694" s="10" t="s">
        <v>1605</v>
      </c>
      <c r="B694" s="211">
        <v>45842</v>
      </c>
      <c r="C694" s="90" t="s">
        <v>73</v>
      </c>
      <c r="D694" s="26" t="s">
        <v>74</v>
      </c>
      <c r="E694" s="72">
        <v>35763469</v>
      </c>
      <c r="F694" s="26" t="s">
        <v>1606</v>
      </c>
      <c r="G694" s="12">
        <v>8159.66</v>
      </c>
      <c r="H694" s="12">
        <v>10035.23</v>
      </c>
      <c r="I694" s="11" t="s">
        <v>76</v>
      </c>
      <c r="J694" s="11"/>
    </row>
    <row r="695" spans="1:10" x14ac:dyDescent="0.25">
      <c r="A695" s="10" t="s">
        <v>1607</v>
      </c>
      <c r="B695" s="211">
        <v>45848</v>
      </c>
      <c r="C695" s="90" t="s">
        <v>241</v>
      </c>
      <c r="D695" s="27" t="s">
        <v>242</v>
      </c>
      <c r="E695" s="10">
        <v>36631124</v>
      </c>
      <c r="F695" s="33" t="s">
        <v>1418</v>
      </c>
      <c r="G695" s="12">
        <v>9.35</v>
      </c>
      <c r="H695" s="12">
        <v>11.5</v>
      </c>
      <c r="I695" s="11" t="s">
        <v>611</v>
      </c>
      <c r="J695" s="11"/>
    </row>
    <row r="696" spans="1:10" x14ac:dyDescent="0.25">
      <c r="A696" s="14" t="s">
        <v>1608</v>
      </c>
      <c r="B696" s="213">
        <v>45849</v>
      </c>
      <c r="C696" s="93" t="s">
        <v>450</v>
      </c>
      <c r="D696" s="6" t="s">
        <v>451</v>
      </c>
      <c r="E696" s="33">
        <v>32627211</v>
      </c>
      <c r="F696" s="16" t="s">
        <v>1609</v>
      </c>
      <c r="G696" s="8">
        <v>21092.43</v>
      </c>
      <c r="H696" s="8">
        <v>25943.69</v>
      </c>
      <c r="I696" s="13" t="s">
        <v>1610</v>
      </c>
      <c r="J696" s="6">
        <v>1652025</v>
      </c>
    </row>
    <row r="697" spans="1:10" x14ac:dyDescent="0.25">
      <c r="A697" s="10" t="s">
        <v>1611</v>
      </c>
      <c r="B697" s="211">
        <v>45848</v>
      </c>
      <c r="C697" s="90" t="s">
        <v>1482</v>
      </c>
      <c r="D697" s="10" t="s">
        <v>1483</v>
      </c>
      <c r="E697" s="10">
        <v>31348653</v>
      </c>
      <c r="F697" s="10" t="s">
        <v>1612</v>
      </c>
      <c r="G697" s="12">
        <v>195</v>
      </c>
      <c r="H697" s="12">
        <v>239.85</v>
      </c>
      <c r="I697" s="11" t="s">
        <v>1485</v>
      </c>
      <c r="J697" s="11">
        <v>1582025</v>
      </c>
    </row>
    <row r="698" spans="1:10" x14ac:dyDescent="0.25">
      <c r="A698" s="10" t="s">
        <v>1613</v>
      </c>
      <c r="B698" s="211">
        <v>45848</v>
      </c>
      <c r="C698" s="90" t="s">
        <v>177</v>
      </c>
      <c r="D698" s="10" t="s">
        <v>172</v>
      </c>
      <c r="E698" s="10">
        <v>53528654</v>
      </c>
      <c r="F698" s="10" t="s">
        <v>1614</v>
      </c>
      <c r="G698" s="12">
        <v>4609.1099999999997</v>
      </c>
      <c r="H698" s="12">
        <v>4609.1099999999997</v>
      </c>
      <c r="I698" s="31" t="s">
        <v>180</v>
      </c>
      <c r="J698" s="11">
        <v>1882025</v>
      </c>
    </row>
    <row r="699" spans="1:10" x14ac:dyDescent="0.25">
      <c r="A699" s="10" t="s">
        <v>1615</v>
      </c>
      <c r="B699" s="211">
        <v>45845</v>
      </c>
      <c r="C699" s="90" t="s">
        <v>1616</v>
      </c>
      <c r="D699" s="10" t="s">
        <v>1617</v>
      </c>
      <c r="E699" s="10">
        <v>50974581</v>
      </c>
      <c r="F699" s="10" t="s">
        <v>1618</v>
      </c>
      <c r="G699" s="12">
        <v>969.52</v>
      </c>
      <c r="H699" s="12">
        <v>1096.9000000000001</v>
      </c>
      <c r="I699" s="11"/>
      <c r="J699" s="11">
        <v>1382025</v>
      </c>
    </row>
    <row r="700" spans="1:10" x14ac:dyDescent="0.25">
      <c r="A700" s="10" t="s">
        <v>1619</v>
      </c>
      <c r="B700" s="211">
        <v>45849</v>
      </c>
      <c r="C700" s="94" t="s">
        <v>1519</v>
      </c>
      <c r="D700" s="19" t="s">
        <v>1520</v>
      </c>
      <c r="E700" s="67">
        <v>31611630</v>
      </c>
      <c r="F700" s="19" t="s">
        <v>1521</v>
      </c>
      <c r="G700" s="20">
        <v>235.1</v>
      </c>
      <c r="H700" s="20">
        <v>289.17</v>
      </c>
      <c r="I700" s="61"/>
      <c r="J700" s="19">
        <v>1272025</v>
      </c>
    </row>
    <row r="701" spans="1:10" x14ac:dyDescent="0.25">
      <c r="A701" s="10" t="s">
        <v>1620</v>
      </c>
      <c r="B701" s="211">
        <v>45849</v>
      </c>
      <c r="C701" s="93" t="s">
        <v>187</v>
      </c>
      <c r="D701" s="16" t="s">
        <v>188</v>
      </c>
      <c r="E701" s="65">
        <v>35954612</v>
      </c>
      <c r="F701" s="6" t="s">
        <v>1621</v>
      </c>
      <c r="G701" s="8">
        <v>1263.9100000000001</v>
      </c>
      <c r="H701" s="8">
        <v>1554.61</v>
      </c>
      <c r="I701" s="9" t="s">
        <v>190</v>
      </c>
      <c r="J701" s="6">
        <v>962025</v>
      </c>
    </row>
    <row r="702" spans="1:10" x14ac:dyDescent="0.25">
      <c r="A702" s="10" t="s">
        <v>1622</v>
      </c>
      <c r="B702" s="211">
        <v>45849</v>
      </c>
      <c r="C702" s="93" t="s">
        <v>187</v>
      </c>
      <c r="D702" s="16" t="s">
        <v>188</v>
      </c>
      <c r="E702" s="65">
        <v>35954612</v>
      </c>
      <c r="F702" s="6" t="s">
        <v>1623</v>
      </c>
      <c r="G702" s="18">
        <v>1315.09</v>
      </c>
      <c r="H702" s="18">
        <v>1617.56</v>
      </c>
      <c r="I702" s="9" t="s">
        <v>190</v>
      </c>
      <c r="J702" s="6">
        <v>962025</v>
      </c>
    </row>
    <row r="703" spans="1:10" x14ac:dyDescent="0.25">
      <c r="A703" s="10" t="s">
        <v>1624</v>
      </c>
      <c r="B703" s="211">
        <v>45849</v>
      </c>
      <c r="C703" s="93" t="s">
        <v>187</v>
      </c>
      <c r="D703" s="16" t="s">
        <v>188</v>
      </c>
      <c r="E703" s="65">
        <v>35954612</v>
      </c>
      <c r="F703" s="6" t="s">
        <v>1625</v>
      </c>
      <c r="G703" s="18">
        <v>1301.8699999999999</v>
      </c>
      <c r="H703" s="18">
        <v>1601.3</v>
      </c>
      <c r="I703" s="9" t="s">
        <v>190</v>
      </c>
      <c r="J703" s="6">
        <v>962025</v>
      </c>
    </row>
    <row r="704" spans="1:10" x14ac:dyDescent="0.25">
      <c r="A704" s="10" t="s">
        <v>1626</v>
      </c>
      <c r="B704" s="211">
        <v>45849</v>
      </c>
      <c r="C704" s="93" t="s">
        <v>187</v>
      </c>
      <c r="D704" s="16" t="s">
        <v>188</v>
      </c>
      <c r="E704" s="65">
        <v>35954612</v>
      </c>
      <c r="F704" s="6" t="s">
        <v>1627</v>
      </c>
      <c r="G704" s="18">
        <v>6736.22</v>
      </c>
      <c r="H704" s="18">
        <v>8285.5499999999993</v>
      </c>
      <c r="I704" s="9" t="s">
        <v>190</v>
      </c>
      <c r="J704" s="6">
        <v>962025</v>
      </c>
    </row>
    <row r="705" spans="1:10" x14ac:dyDescent="0.25">
      <c r="A705" s="10" t="s">
        <v>1628</v>
      </c>
      <c r="B705" s="211">
        <v>45849</v>
      </c>
      <c r="C705" s="93" t="s">
        <v>187</v>
      </c>
      <c r="D705" s="16" t="s">
        <v>188</v>
      </c>
      <c r="E705" s="65">
        <v>35954612</v>
      </c>
      <c r="F705" s="6" t="s">
        <v>1629</v>
      </c>
      <c r="G705" s="18">
        <v>1237.49</v>
      </c>
      <c r="H705" s="18">
        <v>1522.11</v>
      </c>
      <c r="I705" s="9" t="s">
        <v>190</v>
      </c>
      <c r="J705" s="6">
        <v>962025</v>
      </c>
    </row>
    <row r="706" spans="1:10" x14ac:dyDescent="0.25">
      <c r="A706" s="10" t="s">
        <v>1630</v>
      </c>
      <c r="B706" s="211">
        <v>45849</v>
      </c>
      <c r="C706" s="93" t="s">
        <v>187</v>
      </c>
      <c r="D706" s="16" t="s">
        <v>188</v>
      </c>
      <c r="E706" s="65">
        <v>35954612</v>
      </c>
      <c r="F706" s="6" t="s">
        <v>1631</v>
      </c>
      <c r="G706" s="18">
        <v>1266.3699999999999</v>
      </c>
      <c r="H706" s="18">
        <v>1557.64</v>
      </c>
      <c r="I706" s="9" t="s">
        <v>190</v>
      </c>
      <c r="J706" s="6">
        <v>962025</v>
      </c>
    </row>
    <row r="707" spans="1:10" x14ac:dyDescent="0.25">
      <c r="A707" s="10" t="s">
        <v>1632</v>
      </c>
      <c r="B707" s="211">
        <v>45849</v>
      </c>
      <c r="C707" s="93" t="s">
        <v>187</v>
      </c>
      <c r="D707" s="16" t="s">
        <v>188</v>
      </c>
      <c r="E707" s="65">
        <v>35954612</v>
      </c>
      <c r="F707" s="6" t="s">
        <v>1633</v>
      </c>
      <c r="G707" s="18">
        <v>1262.97</v>
      </c>
      <c r="H707" s="18">
        <v>1553.45</v>
      </c>
      <c r="I707" s="9" t="s">
        <v>190</v>
      </c>
      <c r="J707" s="6">
        <v>962025</v>
      </c>
    </row>
    <row r="708" spans="1:10" x14ac:dyDescent="0.25">
      <c r="A708" s="10" t="s">
        <v>1634</v>
      </c>
      <c r="B708" s="211">
        <v>45849</v>
      </c>
      <c r="C708" s="93" t="s">
        <v>187</v>
      </c>
      <c r="D708" s="16" t="s">
        <v>188</v>
      </c>
      <c r="E708" s="65">
        <v>35954612</v>
      </c>
      <c r="F708" s="16" t="s">
        <v>1635</v>
      </c>
      <c r="G708" s="18">
        <v>1286.5</v>
      </c>
      <c r="H708" s="18">
        <v>1582.4</v>
      </c>
      <c r="I708" s="80" t="s">
        <v>190</v>
      </c>
      <c r="J708" s="6">
        <v>962025</v>
      </c>
    </row>
    <row r="709" spans="1:10" x14ac:dyDescent="0.25">
      <c r="A709" s="10" t="s">
        <v>1636</v>
      </c>
      <c r="B709" s="211">
        <v>45849</v>
      </c>
      <c r="C709" s="93" t="s">
        <v>187</v>
      </c>
      <c r="D709" s="16" t="s">
        <v>188</v>
      </c>
      <c r="E709" s="65">
        <v>35954612</v>
      </c>
      <c r="F709" s="6" t="s">
        <v>1637</v>
      </c>
      <c r="G709" s="18">
        <v>1255.92</v>
      </c>
      <c r="H709" s="18">
        <v>1544.78</v>
      </c>
      <c r="I709" s="9" t="s">
        <v>190</v>
      </c>
      <c r="J709" s="6">
        <v>962025</v>
      </c>
    </row>
    <row r="710" spans="1:10" x14ac:dyDescent="0.25">
      <c r="A710" s="10" t="s">
        <v>1638</v>
      </c>
      <c r="B710" s="211">
        <v>45852</v>
      </c>
      <c r="C710" s="90" t="s">
        <v>668</v>
      </c>
      <c r="D710" s="16" t="s">
        <v>669</v>
      </c>
      <c r="E710" s="65">
        <v>42137004</v>
      </c>
      <c r="F710" s="10" t="s">
        <v>1639</v>
      </c>
      <c r="G710" s="12">
        <v>15195.39</v>
      </c>
      <c r="H710" s="12">
        <v>15353</v>
      </c>
      <c r="I710" s="11"/>
      <c r="J710" s="11">
        <v>1592025</v>
      </c>
    </row>
    <row r="711" spans="1:10" x14ac:dyDescent="0.25">
      <c r="A711" s="10" t="s">
        <v>1640</v>
      </c>
      <c r="B711" s="211">
        <v>45852</v>
      </c>
      <c r="C711" s="88" t="s">
        <v>241</v>
      </c>
      <c r="D711" s="33" t="s">
        <v>242</v>
      </c>
      <c r="E711" s="33">
        <v>36631124</v>
      </c>
      <c r="F711" s="33" t="s">
        <v>1641</v>
      </c>
      <c r="G711" s="8">
        <v>259.75</v>
      </c>
      <c r="H711" s="8">
        <v>259.75</v>
      </c>
      <c r="I711" s="6" t="s">
        <v>611</v>
      </c>
      <c r="J711" s="6"/>
    </row>
    <row r="712" spans="1:10" x14ac:dyDescent="0.25">
      <c r="A712" s="10" t="s">
        <v>1642</v>
      </c>
      <c r="B712" s="211">
        <v>45852</v>
      </c>
      <c r="C712" s="88" t="s">
        <v>241</v>
      </c>
      <c r="D712" s="33" t="s">
        <v>242</v>
      </c>
      <c r="E712" s="33">
        <v>36631124</v>
      </c>
      <c r="F712" s="33" t="s">
        <v>1643</v>
      </c>
      <c r="G712" s="8">
        <v>785.9</v>
      </c>
      <c r="H712" s="8">
        <v>785.9</v>
      </c>
      <c r="I712" s="6" t="s">
        <v>611</v>
      </c>
      <c r="J712" s="6"/>
    </row>
    <row r="713" spans="1:10" x14ac:dyDescent="0.25">
      <c r="A713" s="10" t="s">
        <v>1644</v>
      </c>
      <c r="B713" s="211">
        <v>45852</v>
      </c>
      <c r="C713" s="88" t="s">
        <v>241</v>
      </c>
      <c r="D713" s="33" t="s">
        <v>242</v>
      </c>
      <c r="E713" s="33">
        <v>36631124</v>
      </c>
      <c r="F713" s="33" t="s">
        <v>1645</v>
      </c>
      <c r="G713" s="8">
        <v>615.85</v>
      </c>
      <c r="H713" s="8">
        <v>615.85</v>
      </c>
      <c r="I713" s="6" t="s">
        <v>611</v>
      </c>
      <c r="J713" s="6"/>
    </row>
    <row r="714" spans="1:10" x14ac:dyDescent="0.25">
      <c r="A714" s="10" t="s">
        <v>1646</v>
      </c>
      <c r="B714" s="211">
        <v>45852</v>
      </c>
      <c r="C714" s="88" t="s">
        <v>241</v>
      </c>
      <c r="D714" s="33" t="s">
        <v>242</v>
      </c>
      <c r="E714" s="33">
        <v>36631124</v>
      </c>
      <c r="F714" s="33" t="s">
        <v>1647</v>
      </c>
      <c r="G714" s="8">
        <v>570.95000000000005</v>
      </c>
      <c r="H714" s="8">
        <v>570.95000000000005</v>
      </c>
      <c r="I714" s="6" t="s">
        <v>611</v>
      </c>
      <c r="J714" s="6"/>
    </row>
    <row r="715" spans="1:10" x14ac:dyDescent="0.25">
      <c r="A715" s="10" t="s">
        <v>1648</v>
      </c>
      <c r="B715" s="211">
        <v>45852</v>
      </c>
      <c r="C715" s="88" t="s">
        <v>241</v>
      </c>
      <c r="D715" s="33" t="s">
        <v>242</v>
      </c>
      <c r="E715" s="33">
        <v>36631124</v>
      </c>
      <c r="F715" s="33" t="s">
        <v>1649</v>
      </c>
      <c r="G715" s="8">
        <v>448.6</v>
      </c>
      <c r="H715" s="8">
        <v>448.6</v>
      </c>
      <c r="I715" s="6" t="s">
        <v>611</v>
      </c>
      <c r="J715" s="106"/>
    </row>
    <row r="716" spans="1:10" x14ac:dyDescent="0.25">
      <c r="A716" s="10" t="s">
        <v>1650</v>
      </c>
      <c r="B716" s="211">
        <v>45852</v>
      </c>
      <c r="C716" s="88" t="s">
        <v>241</v>
      </c>
      <c r="D716" s="33" t="s">
        <v>242</v>
      </c>
      <c r="E716" s="33">
        <v>36631124</v>
      </c>
      <c r="F716" s="33" t="s">
        <v>1651</v>
      </c>
      <c r="G716" s="8">
        <v>523.5</v>
      </c>
      <c r="H716" s="8">
        <v>523.5</v>
      </c>
      <c r="I716" s="6" t="s">
        <v>611</v>
      </c>
      <c r="J716" s="6"/>
    </row>
    <row r="717" spans="1:10" x14ac:dyDescent="0.25">
      <c r="A717" s="10" t="s">
        <v>1652</v>
      </c>
      <c r="B717" s="211">
        <v>45852</v>
      </c>
      <c r="C717" s="88" t="s">
        <v>241</v>
      </c>
      <c r="D717" s="33" t="s">
        <v>242</v>
      </c>
      <c r="E717" s="64">
        <v>36631124</v>
      </c>
      <c r="F717" s="33" t="s">
        <v>1653</v>
      </c>
      <c r="G717" s="8">
        <v>451.2</v>
      </c>
      <c r="H717" s="8">
        <v>451.2</v>
      </c>
      <c r="I717" s="6" t="s">
        <v>611</v>
      </c>
      <c r="J717" s="6"/>
    </row>
    <row r="718" spans="1:10" x14ac:dyDescent="0.25">
      <c r="A718" s="10" t="s">
        <v>1654</v>
      </c>
      <c r="B718" s="211">
        <v>45849</v>
      </c>
      <c r="C718" s="91" t="s">
        <v>187</v>
      </c>
      <c r="D718" s="23" t="s">
        <v>188</v>
      </c>
      <c r="E718" s="66">
        <v>35954612</v>
      </c>
      <c r="F718" s="23" t="s">
        <v>1655</v>
      </c>
      <c r="G718" s="18">
        <v>6750</v>
      </c>
      <c r="H718" s="18">
        <v>8302.5</v>
      </c>
      <c r="I718" s="9" t="s">
        <v>223</v>
      </c>
      <c r="J718" s="6">
        <v>952025</v>
      </c>
    </row>
    <row r="719" spans="1:10" x14ac:dyDescent="0.25">
      <c r="A719" s="10" t="s">
        <v>1656</v>
      </c>
      <c r="B719" s="211">
        <v>45849</v>
      </c>
      <c r="C719" s="93" t="s">
        <v>187</v>
      </c>
      <c r="D719" s="16" t="s">
        <v>188</v>
      </c>
      <c r="E719" s="65">
        <v>35954612</v>
      </c>
      <c r="F719" s="16" t="s">
        <v>1657</v>
      </c>
      <c r="G719" s="18">
        <v>28110</v>
      </c>
      <c r="H719" s="18">
        <v>34575.300000000003</v>
      </c>
      <c r="I719" s="9" t="s">
        <v>223</v>
      </c>
      <c r="J719" s="6">
        <v>952025</v>
      </c>
    </row>
    <row r="720" spans="1:10" x14ac:dyDescent="0.25">
      <c r="A720" s="10" t="s">
        <v>1658</v>
      </c>
      <c r="B720" s="211">
        <v>45849</v>
      </c>
      <c r="C720" s="93" t="s">
        <v>187</v>
      </c>
      <c r="D720" s="16" t="s">
        <v>188</v>
      </c>
      <c r="E720" s="65">
        <v>35954612</v>
      </c>
      <c r="F720" s="16" t="s">
        <v>1659</v>
      </c>
      <c r="G720" s="18">
        <v>4000</v>
      </c>
      <c r="H720" s="18">
        <v>4920</v>
      </c>
      <c r="I720" s="9" t="s">
        <v>223</v>
      </c>
      <c r="J720" s="6">
        <v>952025</v>
      </c>
    </row>
    <row r="721" spans="1:10" x14ac:dyDescent="0.25">
      <c r="A721" s="10" t="s">
        <v>1660</v>
      </c>
      <c r="B721" s="211">
        <v>45849</v>
      </c>
      <c r="C721" s="93" t="s">
        <v>187</v>
      </c>
      <c r="D721" s="16" t="s">
        <v>188</v>
      </c>
      <c r="E721" s="65">
        <v>35954612</v>
      </c>
      <c r="F721" s="16" t="s">
        <v>1661</v>
      </c>
      <c r="G721" s="18">
        <v>6510</v>
      </c>
      <c r="H721" s="18">
        <v>8007.3</v>
      </c>
      <c r="I721" s="9" t="s">
        <v>223</v>
      </c>
      <c r="J721" s="6">
        <v>952025</v>
      </c>
    </row>
    <row r="722" spans="1:10" x14ac:dyDescent="0.25">
      <c r="A722" s="10" t="s">
        <v>1662</v>
      </c>
      <c r="B722" s="211">
        <v>45849</v>
      </c>
      <c r="C722" s="93" t="s">
        <v>187</v>
      </c>
      <c r="D722" s="16" t="s">
        <v>188</v>
      </c>
      <c r="E722" s="65">
        <v>35954612</v>
      </c>
      <c r="F722" s="16" t="s">
        <v>1663</v>
      </c>
      <c r="G722" s="18">
        <v>6160</v>
      </c>
      <c r="H722" s="18">
        <v>7576.8</v>
      </c>
      <c r="I722" s="9" t="s">
        <v>223</v>
      </c>
      <c r="J722" s="6">
        <v>952025</v>
      </c>
    </row>
    <row r="723" spans="1:10" x14ac:dyDescent="0.25">
      <c r="A723" s="10" t="s">
        <v>1664</v>
      </c>
      <c r="B723" s="211">
        <v>45849</v>
      </c>
      <c r="C723" s="93" t="s">
        <v>187</v>
      </c>
      <c r="D723" s="16" t="s">
        <v>188</v>
      </c>
      <c r="E723" s="65">
        <v>35954612</v>
      </c>
      <c r="F723" s="16" t="s">
        <v>1665</v>
      </c>
      <c r="G723" s="18">
        <v>5170</v>
      </c>
      <c r="H723" s="18">
        <v>6359.1</v>
      </c>
      <c r="I723" s="9" t="s">
        <v>223</v>
      </c>
      <c r="J723" s="6">
        <v>952025</v>
      </c>
    </row>
    <row r="724" spans="1:10" x14ac:dyDescent="0.25">
      <c r="A724" s="10" t="s">
        <v>1666</v>
      </c>
      <c r="B724" s="211">
        <v>45849</v>
      </c>
      <c r="C724" s="93" t="s">
        <v>187</v>
      </c>
      <c r="D724" s="16" t="s">
        <v>188</v>
      </c>
      <c r="E724" s="65">
        <v>35954612</v>
      </c>
      <c r="F724" s="16" t="s">
        <v>1667</v>
      </c>
      <c r="G724" s="18">
        <v>6970</v>
      </c>
      <c r="H724" s="18">
        <v>8573.1</v>
      </c>
      <c r="I724" s="9" t="s">
        <v>223</v>
      </c>
      <c r="J724" s="6">
        <v>952025</v>
      </c>
    </row>
    <row r="725" spans="1:10" x14ac:dyDescent="0.25">
      <c r="A725" s="10" t="s">
        <v>1668</v>
      </c>
      <c r="B725" s="211">
        <v>45849</v>
      </c>
      <c r="C725" s="93" t="s">
        <v>187</v>
      </c>
      <c r="D725" s="16" t="s">
        <v>188</v>
      </c>
      <c r="E725" s="65">
        <v>35954612</v>
      </c>
      <c r="F725" s="16" t="s">
        <v>1669</v>
      </c>
      <c r="G725" s="18">
        <v>6560</v>
      </c>
      <c r="H725" s="18">
        <v>8068.8</v>
      </c>
      <c r="I725" s="9" t="s">
        <v>223</v>
      </c>
      <c r="J725" s="6">
        <v>952025</v>
      </c>
    </row>
    <row r="726" spans="1:10" x14ac:dyDescent="0.25">
      <c r="A726" s="10" t="s">
        <v>1670</v>
      </c>
      <c r="B726" s="211">
        <v>45849</v>
      </c>
      <c r="C726" s="93" t="s">
        <v>187</v>
      </c>
      <c r="D726" s="16" t="s">
        <v>188</v>
      </c>
      <c r="E726" s="65">
        <v>35954612</v>
      </c>
      <c r="F726" s="16" t="s">
        <v>1671</v>
      </c>
      <c r="G726" s="18">
        <v>7520</v>
      </c>
      <c r="H726" s="18">
        <v>9249.6</v>
      </c>
      <c r="I726" s="9" t="s">
        <v>223</v>
      </c>
      <c r="J726" s="6">
        <v>952025</v>
      </c>
    </row>
    <row r="727" spans="1:10" x14ac:dyDescent="0.25">
      <c r="A727" s="10" t="s">
        <v>1672</v>
      </c>
      <c r="B727" s="211">
        <v>45849</v>
      </c>
      <c r="C727" s="93" t="s">
        <v>187</v>
      </c>
      <c r="D727" s="16" t="s">
        <v>188</v>
      </c>
      <c r="E727" s="65">
        <v>35954612</v>
      </c>
      <c r="F727" s="16" t="s">
        <v>1673</v>
      </c>
      <c r="G727" s="18">
        <v>13720</v>
      </c>
      <c r="H727" s="18">
        <v>16875.599999999999</v>
      </c>
      <c r="I727" s="9" t="s">
        <v>223</v>
      </c>
      <c r="J727" s="6">
        <v>952025</v>
      </c>
    </row>
    <row r="728" spans="1:10" x14ac:dyDescent="0.25">
      <c r="A728" s="10" t="s">
        <v>1674</v>
      </c>
      <c r="B728" s="211">
        <v>45852</v>
      </c>
      <c r="C728" s="88" t="s">
        <v>241</v>
      </c>
      <c r="D728" s="33" t="s">
        <v>242</v>
      </c>
      <c r="E728" s="33">
        <v>36631124</v>
      </c>
      <c r="F728" s="33" t="s">
        <v>1649</v>
      </c>
      <c r="G728" s="8">
        <v>6.49</v>
      </c>
      <c r="H728" s="8">
        <v>6.49</v>
      </c>
      <c r="I728" s="6" t="s">
        <v>611</v>
      </c>
      <c r="J728" s="106"/>
    </row>
    <row r="729" spans="1:10" x14ac:dyDescent="0.25">
      <c r="A729" s="10" t="s">
        <v>1675</v>
      </c>
      <c r="B729" s="211">
        <v>45849</v>
      </c>
      <c r="C729" s="89" t="s">
        <v>20</v>
      </c>
      <c r="D729" s="16" t="s">
        <v>21</v>
      </c>
      <c r="E729" s="102">
        <v>50393031</v>
      </c>
      <c r="F729" s="16" t="s">
        <v>1676</v>
      </c>
      <c r="G729" s="12">
        <v>137612</v>
      </c>
      <c r="H729" s="12">
        <v>169262.76</v>
      </c>
      <c r="I729" s="13" t="s">
        <v>1677</v>
      </c>
      <c r="J729" s="6"/>
    </row>
    <row r="730" spans="1:10" x14ac:dyDescent="0.25">
      <c r="A730" s="10" t="s">
        <v>1678</v>
      </c>
      <c r="B730" s="211">
        <v>45852</v>
      </c>
      <c r="C730" s="90" t="s">
        <v>1679</v>
      </c>
      <c r="D730" s="10" t="s">
        <v>1680</v>
      </c>
      <c r="E730" s="10">
        <v>35139005</v>
      </c>
      <c r="F730" s="10" t="s">
        <v>1681</v>
      </c>
      <c r="G730" s="12">
        <v>1219.51</v>
      </c>
      <c r="H730" s="12">
        <v>1500</v>
      </c>
      <c r="I730" s="11"/>
      <c r="J730" s="11">
        <v>1872025</v>
      </c>
    </row>
    <row r="731" spans="1:10" x14ac:dyDescent="0.25">
      <c r="A731" s="10" t="s">
        <v>1682</v>
      </c>
      <c r="B731" s="211">
        <v>45852</v>
      </c>
      <c r="C731" s="88" t="s">
        <v>134</v>
      </c>
      <c r="D731" s="16" t="s">
        <v>135</v>
      </c>
      <c r="E731" s="71">
        <v>35889063</v>
      </c>
      <c r="F731" s="16" t="s">
        <v>1683</v>
      </c>
      <c r="G731" s="18">
        <v>16.059999999999999</v>
      </c>
      <c r="H731" s="18">
        <v>19.11</v>
      </c>
      <c r="I731" s="9" t="s">
        <v>137</v>
      </c>
      <c r="J731" s="6"/>
    </row>
    <row r="732" spans="1:10" x14ac:dyDescent="0.25">
      <c r="A732" s="10" t="s">
        <v>1684</v>
      </c>
      <c r="B732" s="211">
        <v>45853</v>
      </c>
      <c r="C732" s="89" t="s">
        <v>277</v>
      </c>
      <c r="D732" s="11" t="s">
        <v>278</v>
      </c>
      <c r="E732" s="63">
        <v>36237337</v>
      </c>
      <c r="F732" s="13" t="s">
        <v>1685</v>
      </c>
      <c r="G732" s="18">
        <v>312</v>
      </c>
      <c r="H732" s="18">
        <v>383.76</v>
      </c>
      <c r="I732" s="13" t="s">
        <v>1686</v>
      </c>
      <c r="J732" s="11"/>
    </row>
    <row r="733" spans="1:10" x14ac:dyDescent="0.25">
      <c r="A733" s="10" t="s">
        <v>1687</v>
      </c>
      <c r="B733" s="211">
        <v>45853</v>
      </c>
      <c r="C733" s="88" t="s">
        <v>171</v>
      </c>
      <c r="D733" s="33" t="s">
        <v>266</v>
      </c>
      <c r="E733" s="64">
        <v>52599515</v>
      </c>
      <c r="F733" s="33" t="s">
        <v>1688</v>
      </c>
      <c r="G733" s="18">
        <v>1788.71</v>
      </c>
      <c r="H733" s="18">
        <v>2130.42</v>
      </c>
      <c r="I733" s="9" t="s">
        <v>173</v>
      </c>
      <c r="J733" s="6"/>
    </row>
    <row r="734" spans="1:10" x14ac:dyDescent="0.25">
      <c r="A734" s="10" t="s">
        <v>1689</v>
      </c>
      <c r="B734" s="211">
        <v>45849</v>
      </c>
      <c r="C734" s="90" t="s">
        <v>1690</v>
      </c>
      <c r="D734" s="10" t="s">
        <v>1691</v>
      </c>
      <c r="E734" s="10">
        <v>42156424</v>
      </c>
      <c r="F734" s="10" t="s">
        <v>1692</v>
      </c>
      <c r="G734" s="12">
        <v>1.6</v>
      </c>
      <c r="H734" s="12">
        <v>1.97</v>
      </c>
      <c r="I734" s="11"/>
      <c r="J734" s="11">
        <v>1732025</v>
      </c>
    </row>
    <row r="735" spans="1:10" x14ac:dyDescent="0.25">
      <c r="A735" s="10" t="s">
        <v>1693</v>
      </c>
      <c r="B735" s="211">
        <v>45849</v>
      </c>
      <c r="C735" s="90" t="s">
        <v>1690</v>
      </c>
      <c r="D735" s="10" t="s">
        <v>1691</v>
      </c>
      <c r="E735" s="10">
        <v>42156424</v>
      </c>
      <c r="F735" s="10" t="s">
        <v>1694</v>
      </c>
      <c r="G735" s="12">
        <v>24</v>
      </c>
      <c r="H735" s="12">
        <v>29.52</v>
      </c>
      <c r="I735" s="11"/>
      <c r="J735" s="11">
        <v>1732025</v>
      </c>
    </row>
    <row r="736" spans="1:10" x14ac:dyDescent="0.25">
      <c r="A736" s="10" t="s">
        <v>1696</v>
      </c>
      <c r="B736" s="212">
        <v>45856</v>
      </c>
      <c r="C736" s="93" t="s">
        <v>127</v>
      </c>
      <c r="D736" s="16" t="s">
        <v>128</v>
      </c>
      <c r="E736" s="102">
        <v>36795135</v>
      </c>
      <c r="F736" s="33" t="s">
        <v>1697</v>
      </c>
      <c r="G736" s="18">
        <v>9629.2900000000009</v>
      </c>
      <c r="H736" s="18">
        <v>11841.24</v>
      </c>
      <c r="I736" s="9" t="s">
        <v>130</v>
      </c>
      <c r="J736" s="16"/>
    </row>
    <row r="737" spans="1:10" x14ac:dyDescent="0.25">
      <c r="A737" s="10" t="s">
        <v>1698</v>
      </c>
      <c r="B737" s="211">
        <v>45853</v>
      </c>
      <c r="C737" s="90" t="s">
        <v>1482</v>
      </c>
      <c r="D737" s="10" t="s">
        <v>1483</v>
      </c>
      <c r="E737" s="10">
        <v>31348653</v>
      </c>
      <c r="F737" s="79" t="s">
        <v>1699</v>
      </c>
      <c r="G737" s="12">
        <v>517.21</v>
      </c>
      <c r="H737" s="12">
        <v>636.16999999999996</v>
      </c>
      <c r="I737" s="11" t="s">
        <v>1485</v>
      </c>
      <c r="J737" s="11">
        <v>1902025</v>
      </c>
    </row>
    <row r="738" spans="1:10" x14ac:dyDescent="0.25">
      <c r="A738" s="10" t="s">
        <v>1700</v>
      </c>
      <c r="B738" s="211">
        <v>45853</v>
      </c>
      <c r="C738" s="91" t="s">
        <v>187</v>
      </c>
      <c r="D738" s="23" t="s">
        <v>188</v>
      </c>
      <c r="E738" s="66">
        <v>35954612</v>
      </c>
      <c r="F738" s="23" t="s">
        <v>1701</v>
      </c>
      <c r="G738" s="18">
        <v>1440</v>
      </c>
      <c r="H738" s="18">
        <v>1771.2</v>
      </c>
      <c r="I738" s="9" t="s">
        <v>190</v>
      </c>
      <c r="J738" s="6">
        <v>962025</v>
      </c>
    </row>
    <row r="739" spans="1:10" x14ac:dyDescent="0.25">
      <c r="A739" s="10" t="s">
        <v>1702</v>
      </c>
      <c r="B739" s="211">
        <v>45854</v>
      </c>
      <c r="C739" s="96" t="s">
        <v>1703</v>
      </c>
      <c r="D739" s="6" t="s">
        <v>1704</v>
      </c>
      <c r="E739" s="64">
        <v>36791598</v>
      </c>
      <c r="F739" s="6" t="s">
        <v>1705</v>
      </c>
      <c r="G739" s="8">
        <v>189</v>
      </c>
      <c r="H739" s="8">
        <v>226.8</v>
      </c>
      <c r="I739" s="9"/>
      <c r="J739" s="6">
        <v>3342004</v>
      </c>
    </row>
    <row r="740" spans="1:10" x14ac:dyDescent="0.25">
      <c r="A740" s="10" t="s">
        <v>1706</v>
      </c>
      <c r="B740" s="211">
        <v>45855</v>
      </c>
      <c r="C740" s="90" t="s">
        <v>1270</v>
      </c>
      <c r="D740" s="10" t="s">
        <v>1271</v>
      </c>
      <c r="E740" s="10">
        <v>35955503</v>
      </c>
      <c r="F740" s="10" t="s">
        <v>1707</v>
      </c>
      <c r="G740" s="319">
        <v>189.31</v>
      </c>
      <c r="H740" s="12">
        <v>227.18</v>
      </c>
      <c r="I740" s="11"/>
      <c r="J740" s="11">
        <v>1682025</v>
      </c>
    </row>
    <row r="741" spans="1:10" x14ac:dyDescent="0.25">
      <c r="A741" s="10" t="s">
        <v>1708</v>
      </c>
      <c r="B741" s="212">
        <v>45859</v>
      </c>
      <c r="C741" s="88" t="s">
        <v>139</v>
      </c>
      <c r="D741" s="33" t="s">
        <v>140</v>
      </c>
      <c r="E741" s="102">
        <v>47235713</v>
      </c>
      <c r="F741" s="33" t="s">
        <v>1709</v>
      </c>
      <c r="G741" s="8">
        <v>519.30999999999995</v>
      </c>
      <c r="H741" s="8">
        <v>617.98</v>
      </c>
      <c r="I741" s="11" t="s">
        <v>142</v>
      </c>
      <c r="J741" s="6"/>
    </row>
    <row r="742" spans="1:10" x14ac:dyDescent="0.25">
      <c r="A742" s="10" t="s">
        <v>1710</v>
      </c>
      <c r="B742" s="211">
        <v>45859</v>
      </c>
      <c r="C742" s="90" t="s">
        <v>122</v>
      </c>
      <c r="D742" s="6" t="s">
        <v>123</v>
      </c>
      <c r="E742" s="101">
        <v>46921931</v>
      </c>
      <c r="F742" s="11" t="s">
        <v>1711</v>
      </c>
      <c r="G742" s="12">
        <v>24175.42</v>
      </c>
      <c r="H742" s="12">
        <v>25754.76</v>
      </c>
      <c r="I742" s="13" t="s">
        <v>1175</v>
      </c>
      <c r="J742" s="11"/>
    </row>
    <row r="743" spans="1:10" x14ac:dyDescent="0.25">
      <c r="A743" s="10" t="s">
        <v>1712</v>
      </c>
      <c r="B743" s="211">
        <v>45859</v>
      </c>
      <c r="C743" s="90" t="s">
        <v>241</v>
      </c>
      <c r="D743" s="33" t="s">
        <v>242</v>
      </c>
      <c r="E743" s="33">
        <v>36631124</v>
      </c>
      <c r="F743" s="33" t="s">
        <v>1713</v>
      </c>
      <c r="G743" s="12">
        <v>443.3</v>
      </c>
      <c r="H743" s="12">
        <v>443.3</v>
      </c>
      <c r="I743" s="11" t="s">
        <v>611</v>
      </c>
      <c r="J743" s="11"/>
    </row>
    <row r="744" spans="1:10" x14ac:dyDescent="0.25">
      <c r="A744" s="10" t="s">
        <v>1714</v>
      </c>
      <c r="B744" s="211">
        <v>45861</v>
      </c>
      <c r="C744" s="90" t="s">
        <v>100</v>
      </c>
      <c r="D744" s="16" t="s">
        <v>101</v>
      </c>
      <c r="E744" s="102">
        <v>36769304</v>
      </c>
      <c r="F744" s="16" t="s">
        <v>1170</v>
      </c>
      <c r="G744" s="18">
        <v>210</v>
      </c>
      <c r="H744" s="18">
        <v>258.3</v>
      </c>
      <c r="I744" s="62"/>
      <c r="J744" s="16">
        <v>1052025</v>
      </c>
    </row>
    <row r="745" spans="1:10" x14ac:dyDescent="0.25">
      <c r="A745" s="10" t="s">
        <v>1715</v>
      </c>
      <c r="B745" s="211">
        <v>45856</v>
      </c>
      <c r="C745" s="90" t="s">
        <v>725</v>
      </c>
      <c r="D745" s="10" t="s">
        <v>726</v>
      </c>
      <c r="E745" s="103">
        <v>37590286</v>
      </c>
      <c r="F745" s="10" t="s">
        <v>1716</v>
      </c>
      <c r="G745" s="12">
        <v>400</v>
      </c>
      <c r="H745" s="12">
        <v>400</v>
      </c>
      <c r="I745" s="11"/>
      <c r="J745" s="11">
        <v>1892025</v>
      </c>
    </row>
    <row r="746" spans="1:10" x14ac:dyDescent="0.25">
      <c r="A746" s="10" t="s">
        <v>1717</v>
      </c>
      <c r="B746" s="211">
        <v>45862</v>
      </c>
      <c r="C746" s="90" t="s">
        <v>1718</v>
      </c>
      <c r="D746" s="10" t="s">
        <v>1719</v>
      </c>
      <c r="E746" s="103">
        <v>45987726</v>
      </c>
      <c r="F746" s="10" t="s">
        <v>1720</v>
      </c>
      <c r="G746" s="12">
        <v>6558.66</v>
      </c>
      <c r="H746" s="12">
        <v>8067.15</v>
      </c>
      <c r="I746" s="11" t="s">
        <v>1721</v>
      </c>
      <c r="J746" s="11">
        <v>1342025</v>
      </c>
    </row>
    <row r="747" spans="1:10" x14ac:dyDescent="0.25">
      <c r="A747" s="10" t="s">
        <v>1722</v>
      </c>
      <c r="B747" s="211">
        <v>45867</v>
      </c>
      <c r="C747" s="90" t="s">
        <v>1723</v>
      </c>
      <c r="D747" s="10" t="s">
        <v>1724</v>
      </c>
      <c r="E747" s="103">
        <v>36212466</v>
      </c>
      <c r="F747" s="10" t="s">
        <v>1725</v>
      </c>
      <c r="G747" s="12">
        <v>679.58</v>
      </c>
      <c r="H747" s="12">
        <v>812.65</v>
      </c>
      <c r="I747" s="11"/>
      <c r="J747" s="11">
        <v>1992025</v>
      </c>
    </row>
    <row r="748" spans="1:10" x14ac:dyDescent="0.25">
      <c r="A748" s="10" t="s">
        <v>1726</v>
      </c>
      <c r="B748" s="211">
        <v>45867</v>
      </c>
      <c r="C748" s="90" t="s">
        <v>1727</v>
      </c>
      <c r="D748" s="11" t="s">
        <v>473</v>
      </c>
      <c r="E748" s="103">
        <v>31567282</v>
      </c>
      <c r="F748" s="10" t="s">
        <v>1728</v>
      </c>
      <c r="G748" s="12">
        <v>11640</v>
      </c>
      <c r="H748" s="12">
        <v>14317.2</v>
      </c>
      <c r="I748" s="11" t="s">
        <v>475</v>
      </c>
      <c r="J748" s="11" t="s">
        <v>1729</v>
      </c>
    </row>
    <row r="749" spans="1:10" x14ac:dyDescent="0.25">
      <c r="A749" s="10" t="s">
        <v>1730</v>
      </c>
      <c r="B749" s="211">
        <v>45868</v>
      </c>
      <c r="C749" s="90" t="s">
        <v>1731</v>
      </c>
      <c r="D749" s="10" t="s">
        <v>1732</v>
      </c>
      <c r="E749" s="103">
        <v>14255791</v>
      </c>
      <c r="F749" s="90" t="s">
        <v>1733</v>
      </c>
      <c r="G749" s="12">
        <v>3680</v>
      </c>
      <c r="H749" s="12">
        <v>4526.3999999999996</v>
      </c>
      <c r="I749" s="11"/>
      <c r="J749" s="11">
        <v>1862025</v>
      </c>
    </row>
    <row r="750" spans="1:10" x14ac:dyDescent="0.25">
      <c r="A750" s="10" t="s">
        <v>1734</v>
      </c>
      <c r="B750" s="211">
        <v>45868</v>
      </c>
      <c r="C750" s="90" t="s">
        <v>1735</v>
      </c>
      <c r="D750" s="10" t="s">
        <v>1736</v>
      </c>
      <c r="E750" s="103">
        <v>55670865</v>
      </c>
      <c r="F750" s="90" t="s">
        <v>1737</v>
      </c>
      <c r="G750" s="12">
        <v>5286.55</v>
      </c>
      <c r="H750" s="12">
        <v>5725.6</v>
      </c>
      <c r="I750" s="11"/>
      <c r="J750" s="11">
        <v>1842025</v>
      </c>
    </row>
    <row r="751" spans="1:10" x14ac:dyDescent="0.25">
      <c r="A751" s="10" t="s">
        <v>1738</v>
      </c>
      <c r="B751" s="211">
        <v>45868</v>
      </c>
      <c r="C751" s="90" t="s">
        <v>1482</v>
      </c>
      <c r="D751" s="10" t="s">
        <v>1483</v>
      </c>
      <c r="E751" s="103">
        <v>31348653</v>
      </c>
      <c r="F751" s="90" t="s">
        <v>1484</v>
      </c>
      <c r="G751" s="12">
        <v>518</v>
      </c>
      <c r="H751" s="12">
        <v>637.14</v>
      </c>
      <c r="I751" s="11" t="s">
        <v>1485</v>
      </c>
      <c r="J751" s="11" t="s">
        <v>1486</v>
      </c>
    </row>
    <row r="752" spans="1:10" x14ac:dyDescent="0.25">
      <c r="A752" s="10" t="s">
        <v>1739</v>
      </c>
      <c r="B752" s="211">
        <v>45868</v>
      </c>
      <c r="C752" s="90" t="s">
        <v>1482</v>
      </c>
      <c r="D752" s="10" t="s">
        <v>1483</v>
      </c>
      <c r="E752" s="103">
        <v>31348653</v>
      </c>
      <c r="F752" s="10" t="s">
        <v>1740</v>
      </c>
      <c r="G752" s="12">
        <v>193.64</v>
      </c>
      <c r="H752" s="12">
        <v>238.18</v>
      </c>
      <c r="I752" s="11" t="s">
        <v>1485</v>
      </c>
      <c r="J752" s="11">
        <v>1762025</v>
      </c>
    </row>
    <row r="753" spans="1:10" x14ac:dyDescent="0.25">
      <c r="A753" s="85" t="s">
        <v>1741</v>
      </c>
      <c r="B753" s="217">
        <v>45869</v>
      </c>
      <c r="C753" s="93" t="s">
        <v>44</v>
      </c>
      <c r="D753" s="16" t="s">
        <v>45</v>
      </c>
      <c r="E753" s="102">
        <v>35731851</v>
      </c>
      <c r="F753" s="16" t="s">
        <v>1742</v>
      </c>
      <c r="G753" s="18">
        <v>350</v>
      </c>
      <c r="H753" s="18">
        <v>430.5</v>
      </c>
      <c r="I753" s="62" t="s">
        <v>47</v>
      </c>
      <c r="J753" s="16">
        <v>1792024</v>
      </c>
    </row>
    <row r="754" spans="1:10" x14ac:dyDescent="0.25">
      <c r="A754" s="10" t="s">
        <v>1743</v>
      </c>
      <c r="B754" s="212">
        <v>45869</v>
      </c>
      <c r="C754" s="93" t="s">
        <v>44</v>
      </c>
      <c r="D754" s="16" t="s">
        <v>45</v>
      </c>
      <c r="E754" s="102">
        <v>35731851</v>
      </c>
      <c r="F754" s="16" t="s">
        <v>1744</v>
      </c>
      <c r="G754" s="18">
        <v>350</v>
      </c>
      <c r="H754" s="18">
        <v>430.5</v>
      </c>
      <c r="I754" s="62" t="s">
        <v>47</v>
      </c>
      <c r="J754" s="16">
        <v>1792024</v>
      </c>
    </row>
    <row r="755" spans="1:10" x14ac:dyDescent="0.25">
      <c r="A755" s="10" t="s">
        <v>1745</v>
      </c>
      <c r="B755" s="212">
        <v>45869</v>
      </c>
      <c r="C755" s="93" t="s">
        <v>44</v>
      </c>
      <c r="D755" s="16" t="s">
        <v>45</v>
      </c>
      <c r="E755" s="102">
        <v>35731851</v>
      </c>
      <c r="F755" s="16" t="s">
        <v>1746</v>
      </c>
      <c r="G755" s="18">
        <v>350</v>
      </c>
      <c r="H755" s="18">
        <v>430.5</v>
      </c>
      <c r="I755" s="62" t="s">
        <v>47</v>
      </c>
      <c r="J755" s="16">
        <v>1792024</v>
      </c>
    </row>
    <row r="756" spans="1:10" x14ac:dyDescent="0.25">
      <c r="A756" s="10" t="s">
        <v>1747</v>
      </c>
      <c r="B756" s="212">
        <v>45869</v>
      </c>
      <c r="C756" s="93" t="s">
        <v>44</v>
      </c>
      <c r="D756" s="16" t="s">
        <v>45</v>
      </c>
      <c r="E756" s="102">
        <v>35731851</v>
      </c>
      <c r="F756" s="16" t="s">
        <v>1748</v>
      </c>
      <c r="G756" s="18">
        <v>350</v>
      </c>
      <c r="H756" s="18">
        <v>430.5</v>
      </c>
      <c r="I756" s="62" t="s">
        <v>47</v>
      </c>
      <c r="J756" s="16">
        <v>1792024</v>
      </c>
    </row>
    <row r="757" spans="1:10" x14ac:dyDescent="0.25">
      <c r="A757" s="10" t="s">
        <v>1749</v>
      </c>
      <c r="B757" s="212">
        <v>45869</v>
      </c>
      <c r="C757" s="93" t="s">
        <v>44</v>
      </c>
      <c r="D757" s="16" t="s">
        <v>45</v>
      </c>
      <c r="E757" s="102">
        <v>35731851</v>
      </c>
      <c r="F757" s="16" t="s">
        <v>1750</v>
      </c>
      <c r="G757" s="18">
        <v>350</v>
      </c>
      <c r="H757" s="18">
        <v>430.5</v>
      </c>
      <c r="I757" s="62" t="s">
        <v>47</v>
      </c>
      <c r="J757" s="16">
        <v>1792024</v>
      </c>
    </row>
    <row r="758" spans="1:10" x14ac:dyDescent="0.25">
      <c r="A758" s="10" t="s">
        <v>1751</v>
      </c>
      <c r="B758" s="212">
        <v>45869</v>
      </c>
      <c r="C758" s="93" t="s">
        <v>44</v>
      </c>
      <c r="D758" s="16" t="s">
        <v>45</v>
      </c>
      <c r="E758" s="102">
        <v>35731851</v>
      </c>
      <c r="F758" s="16" t="s">
        <v>1752</v>
      </c>
      <c r="G758" s="18">
        <v>350</v>
      </c>
      <c r="H758" s="18">
        <v>430.5</v>
      </c>
      <c r="I758" s="62" t="s">
        <v>47</v>
      </c>
      <c r="J758" s="16">
        <v>1792024</v>
      </c>
    </row>
    <row r="759" spans="1:10" x14ac:dyDescent="0.25">
      <c r="A759" s="10" t="s">
        <v>1753</v>
      </c>
      <c r="B759" s="212">
        <v>45869</v>
      </c>
      <c r="C759" s="93" t="s">
        <v>44</v>
      </c>
      <c r="D759" s="16" t="s">
        <v>45</v>
      </c>
      <c r="E759" s="102">
        <v>35731851</v>
      </c>
      <c r="F759" s="16" t="s">
        <v>1754</v>
      </c>
      <c r="G759" s="18">
        <v>350</v>
      </c>
      <c r="H759" s="18">
        <v>430.5</v>
      </c>
      <c r="I759" s="62" t="s">
        <v>47</v>
      </c>
      <c r="J759" s="16">
        <v>1792024</v>
      </c>
    </row>
    <row r="760" spans="1:10" x14ac:dyDescent="0.25">
      <c r="A760" s="10" t="s">
        <v>1755</v>
      </c>
      <c r="B760" s="212">
        <v>45869</v>
      </c>
      <c r="C760" s="93" t="s">
        <v>44</v>
      </c>
      <c r="D760" s="16" t="s">
        <v>45</v>
      </c>
      <c r="E760" s="102">
        <v>35731851</v>
      </c>
      <c r="F760" s="16" t="s">
        <v>1756</v>
      </c>
      <c r="G760" s="18">
        <v>350</v>
      </c>
      <c r="H760" s="18">
        <v>430.5</v>
      </c>
      <c r="I760" s="62" t="s">
        <v>47</v>
      </c>
      <c r="J760" s="16">
        <v>1792024</v>
      </c>
    </row>
    <row r="761" spans="1:10" x14ac:dyDescent="0.25">
      <c r="A761" s="10" t="s">
        <v>1757</v>
      </c>
      <c r="B761" s="211">
        <v>45870</v>
      </c>
      <c r="C761" s="90" t="s">
        <v>1482</v>
      </c>
      <c r="D761" s="10" t="s">
        <v>1483</v>
      </c>
      <c r="E761" s="103">
        <v>31348653</v>
      </c>
      <c r="F761" s="10" t="s">
        <v>1758</v>
      </c>
      <c r="G761" s="12">
        <v>41.84</v>
      </c>
      <c r="H761" s="12">
        <v>51.46</v>
      </c>
      <c r="I761" s="11" t="s">
        <v>1485</v>
      </c>
      <c r="J761" s="11">
        <v>2042025</v>
      </c>
    </row>
    <row r="762" spans="1:10" x14ac:dyDescent="0.25">
      <c r="A762" s="85" t="s">
        <v>1759</v>
      </c>
      <c r="B762" s="217">
        <v>45798</v>
      </c>
      <c r="C762" s="104" t="s">
        <v>139</v>
      </c>
      <c r="D762" s="86" t="s">
        <v>140</v>
      </c>
      <c r="E762" s="105">
        <v>47235713</v>
      </c>
      <c r="F762" s="86" t="s">
        <v>1760</v>
      </c>
      <c r="G762" s="24">
        <v>692.86</v>
      </c>
      <c r="H762" s="24">
        <v>824.5</v>
      </c>
      <c r="I762" s="19" t="s">
        <v>142</v>
      </c>
      <c r="J762" s="23"/>
    </row>
    <row r="763" spans="1:10" x14ac:dyDescent="0.25">
      <c r="A763" s="10" t="s">
        <v>1761</v>
      </c>
      <c r="B763" s="211">
        <v>45870</v>
      </c>
      <c r="C763" s="236" t="s">
        <v>1482</v>
      </c>
      <c r="D763" s="56" t="s">
        <v>1483</v>
      </c>
      <c r="E763" s="103">
        <v>31348653</v>
      </c>
      <c r="F763" s="10" t="s">
        <v>1762</v>
      </c>
      <c r="G763" s="12">
        <v>254.63</v>
      </c>
      <c r="H763" s="12">
        <v>313.19</v>
      </c>
      <c r="I763" s="11" t="s">
        <v>1485</v>
      </c>
      <c r="J763" s="11">
        <v>1772025</v>
      </c>
    </row>
    <row r="764" spans="1:10" x14ac:dyDescent="0.25">
      <c r="A764" s="10" t="s">
        <v>1763</v>
      </c>
      <c r="B764" s="212">
        <v>45873</v>
      </c>
      <c r="C764" s="88" t="s">
        <v>148</v>
      </c>
      <c r="D764" s="33" t="s">
        <v>365</v>
      </c>
      <c r="E764" s="101">
        <v>53227514</v>
      </c>
      <c r="F764" s="23" t="s">
        <v>1764</v>
      </c>
      <c r="G764" s="8">
        <v>2500</v>
      </c>
      <c r="H764" s="8">
        <v>3075</v>
      </c>
      <c r="I764" s="11" t="s">
        <v>151</v>
      </c>
      <c r="J764" s="6"/>
    </row>
    <row r="765" spans="1:10" x14ac:dyDescent="0.25">
      <c r="A765" s="10" t="s">
        <v>1765</v>
      </c>
      <c r="B765" s="212">
        <v>45873</v>
      </c>
      <c r="C765" s="88" t="s">
        <v>148</v>
      </c>
      <c r="D765" s="23" t="s">
        <v>365</v>
      </c>
      <c r="E765" s="105">
        <v>53227514</v>
      </c>
      <c r="F765" s="23" t="s">
        <v>1766</v>
      </c>
      <c r="G765" s="8">
        <v>15394</v>
      </c>
      <c r="H765" s="8">
        <v>16624</v>
      </c>
      <c r="I765" s="11" t="s">
        <v>151</v>
      </c>
      <c r="J765" s="6"/>
    </row>
    <row r="766" spans="1:10" x14ac:dyDescent="0.25">
      <c r="A766" s="10" t="s">
        <v>1767</v>
      </c>
      <c r="B766" s="212">
        <v>45873</v>
      </c>
      <c r="C766" s="93" t="s">
        <v>139</v>
      </c>
      <c r="D766" s="16" t="s">
        <v>140</v>
      </c>
      <c r="E766" s="102">
        <v>47235713</v>
      </c>
      <c r="F766" s="16" t="s">
        <v>1768</v>
      </c>
      <c r="G766" s="18">
        <v>6434.5</v>
      </c>
      <c r="H766" s="18">
        <v>7914.44</v>
      </c>
      <c r="I766" s="62" t="s">
        <v>142</v>
      </c>
      <c r="J766" s="16"/>
    </row>
    <row r="767" spans="1:10" x14ac:dyDescent="0.25">
      <c r="A767" s="10" t="s">
        <v>1769</v>
      </c>
      <c r="B767" s="212">
        <v>45873</v>
      </c>
      <c r="C767" s="96" t="s">
        <v>139</v>
      </c>
      <c r="D767" s="6" t="s">
        <v>140</v>
      </c>
      <c r="E767" s="101">
        <v>47235713</v>
      </c>
      <c r="F767" s="6" t="s">
        <v>1770</v>
      </c>
      <c r="G767" s="18">
        <v>1747.6</v>
      </c>
      <c r="H767" s="18">
        <v>2149.5500000000002</v>
      </c>
      <c r="I767" s="13" t="s">
        <v>142</v>
      </c>
      <c r="J767" s="106"/>
    </row>
    <row r="768" spans="1:10" x14ac:dyDescent="0.25">
      <c r="A768" s="10" t="s">
        <v>1771</v>
      </c>
      <c r="B768" s="212">
        <v>45873</v>
      </c>
      <c r="C768" s="93" t="s">
        <v>139</v>
      </c>
      <c r="D768" s="16" t="s">
        <v>140</v>
      </c>
      <c r="E768" s="102">
        <v>47235713</v>
      </c>
      <c r="F768" s="16" t="s">
        <v>1772</v>
      </c>
      <c r="G768" s="18">
        <v>26336.080000000002</v>
      </c>
      <c r="H768" s="18">
        <v>27188.81</v>
      </c>
      <c r="I768" s="62" t="s">
        <v>142</v>
      </c>
      <c r="J768" s="16"/>
    </row>
    <row r="769" spans="1:10" x14ac:dyDescent="0.25">
      <c r="A769" s="10" t="s">
        <v>1773</v>
      </c>
      <c r="B769" s="212">
        <v>45873</v>
      </c>
      <c r="C769" s="93" t="s">
        <v>139</v>
      </c>
      <c r="D769" s="16" t="s">
        <v>140</v>
      </c>
      <c r="E769" s="102">
        <v>47235713</v>
      </c>
      <c r="F769" s="264" t="s">
        <v>1774</v>
      </c>
      <c r="G769" s="18">
        <v>20</v>
      </c>
      <c r="H769" s="18">
        <v>24.6</v>
      </c>
      <c r="I769" s="62" t="s">
        <v>142</v>
      </c>
      <c r="J769" s="16"/>
    </row>
    <row r="770" spans="1:10" x14ac:dyDescent="0.25">
      <c r="A770" s="10" t="s">
        <v>1775</v>
      </c>
      <c r="B770" s="212">
        <v>45870</v>
      </c>
      <c r="C770" s="93" t="s">
        <v>127</v>
      </c>
      <c r="D770" s="16" t="s">
        <v>128</v>
      </c>
      <c r="E770" s="102">
        <v>36795135</v>
      </c>
      <c r="F770" s="33" t="s">
        <v>1776</v>
      </c>
      <c r="G770" s="18">
        <v>2142.4</v>
      </c>
      <c r="H770" s="18">
        <v>2619.73</v>
      </c>
      <c r="I770" s="9" t="s">
        <v>130</v>
      </c>
      <c r="J770" s="16"/>
    </row>
    <row r="771" spans="1:10" x14ac:dyDescent="0.25">
      <c r="A771" s="10" t="s">
        <v>1777</v>
      </c>
      <c r="B771" s="212">
        <v>45870</v>
      </c>
      <c r="C771" s="93" t="s">
        <v>127</v>
      </c>
      <c r="D771" s="16" t="s">
        <v>128</v>
      </c>
      <c r="E771" s="153">
        <v>36795135</v>
      </c>
      <c r="F771" s="126" t="s">
        <v>1778</v>
      </c>
      <c r="G771" s="8">
        <v>754.2</v>
      </c>
      <c r="H771" s="8">
        <v>927.67</v>
      </c>
      <c r="I771" s="9" t="s">
        <v>968</v>
      </c>
      <c r="J771" s="6"/>
    </row>
    <row r="772" spans="1:10" x14ac:dyDescent="0.25">
      <c r="A772" s="10" t="s">
        <v>1779</v>
      </c>
      <c r="B772" s="212">
        <v>45870</v>
      </c>
      <c r="C772" s="96" t="s">
        <v>127</v>
      </c>
      <c r="D772" s="6" t="s">
        <v>128</v>
      </c>
      <c r="E772" s="101">
        <v>36795135</v>
      </c>
      <c r="F772" s="169" t="s">
        <v>1780</v>
      </c>
      <c r="G772" s="8">
        <v>6648.86</v>
      </c>
      <c r="H772" s="8">
        <v>6648.86</v>
      </c>
      <c r="I772" s="9" t="s">
        <v>963</v>
      </c>
      <c r="J772" s="6"/>
    </row>
    <row r="773" spans="1:10" x14ac:dyDescent="0.25">
      <c r="A773" s="10" t="s">
        <v>1781</v>
      </c>
      <c r="B773" s="212">
        <v>45873</v>
      </c>
      <c r="C773" s="88" t="s">
        <v>81</v>
      </c>
      <c r="D773" s="16" t="s">
        <v>82</v>
      </c>
      <c r="E773" s="102">
        <v>35697270</v>
      </c>
      <c r="F773" s="68" t="s">
        <v>1782</v>
      </c>
      <c r="G773" s="8">
        <v>4.08</v>
      </c>
      <c r="H773" s="8">
        <v>5.0199999999999996</v>
      </c>
      <c r="I773" s="80" t="s">
        <v>84</v>
      </c>
      <c r="J773" s="6"/>
    </row>
    <row r="774" spans="1:10" x14ac:dyDescent="0.25">
      <c r="A774" s="10" t="s">
        <v>1783</v>
      </c>
      <c r="B774" s="212">
        <v>45873</v>
      </c>
      <c r="C774" s="88" t="s">
        <v>81</v>
      </c>
      <c r="D774" s="16" t="s">
        <v>82</v>
      </c>
      <c r="E774" s="108">
        <v>35697270</v>
      </c>
      <c r="F774" s="16" t="s">
        <v>1784</v>
      </c>
      <c r="G774" s="8">
        <v>4.08</v>
      </c>
      <c r="H774" s="8">
        <v>5.0199999999999996</v>
      </c>
      <c r="I774" s="6" t="s">
        <v>84</v>
      </c>
      <c r="J774" s="6"/>
    </row>
    <row r="775" spans="1:10" x14ac:dyDescent="0.25">
      <c r="A775" s="10" t="s">
        <v>1785</v>
      </c>
      <c r="B775" s="212">
        <v>45873</v>
      </c>
      <c r="C775" s="88" t="s">
        <v>1533</v>
      </c>
      <c r="D775" s="16" t="s">
        <v>106</v>
      </c>
      <c r="E775" s="102">
        <v>31327681</v>
      </c>
      <c r="F775" s="33" t="s">
        <v>1786</v>
      </c>
      <c r="G775" s="8">
        <v>6920.95</v>
      </c>
      <c r="H775" s="8">
        <v>8512.77</v>
      </c>
      <c r="I775" s="6" t="s">
        <v>108</v>
      </c>
      <c r="J775" s="6">
        <v>1422025</v>
      </c>
    </row>
    <row r="776" spans="1:10" x14ac:dyDescent="0.25">
      <c r="A776" s="10" t="s">
        <v>1787</v>
      </c>
      <c r="B776" s="211">
        <v>45870</v>
      </c>
      <c r="C776" s="90" t="s">
        <v>774</v>
      </c>
      <c r="D776" s="10" t="s">
        <v>775</v>
      </c>
      <c r="E776" s="103">
        <v>36857165</v>
      </c>
      <c r="F776" s="10" t="s">
        <v>1788</v>
      </c>
      <c r="G776" s="12">
        <v>4.99</v>
      </c>
      <c r="H776" s="12">
        <v>6.14</v>
      </c>
      <c r="I776" s="11" t="s">
        <v>1789</v>
      </c>
      <c r="J776" s="11"/>
    </row>
    <row r="777" spans="1:10" x14ac:dyDescent="0.25">
      <c r="A777" s="10" t="s">
        <v>1790</v>
      </c>
      <c r="B777" s="212">
        <v>45852</v>
      </c>
      <c r="C777" s="88" t="s">
        <v>302</v>
      </c>
      <c r="D777" s="33" t="s">
        <v>303</v>
      </c>
      <c r="E777" s="101">
        <v>45156424</v>
      </c>
      <c r="F777" s="6" t="s">
        <v>1791</v>
      </c>
      <c r="G777" s="8">
        <v>8892.4500000000007</v>
      </c>
      <c r="H777" s="8">
        <v>10937.71</v>
      </c>
      <c r="I777" s="6" t="s">
        <v>1792</v>
      </c>
      <c r="J777" s="6"/>
    </row>
    <row r="778" spans="1:10" x14ac:dyDescent="0.25">
      <c r="A778" s="10" t="s">
        <v>1793</v>
      </c>
      <c r="B778" s="211">
        <v>45874</v>
      </c>
      <c r="C778" s="90" t="s">
        <v>63</v>
      </c>
      <c r="D778" s="17" t="s">
        <v>64</v>
      </c>
      <c r="E778" s="107">
        <v>35872900</v>
      </c>
      <c r="F778" s="10" t="s">
        <v>1794</v>
      </c>
      <c r="G778" s="12">
        <v>1200</v>
      </c>
      <c r="H778" s="12">
        <v>1476</v>
      </c>
      <c r="I778" s="11" t="s">
        <v>1795</v>
      </c>
      <c r="J778" s="17">
        <v>1812025</v>
      </c>
    </row>
    <row r="779" spans="1:10" x14ac:dyDescent="0.25">
      <c r="A779" s="10" t="s">
        <v>1796</v>
      </c>
      <c r="B779" s="211">
        <v>45874</v>
      </c>
      <c r="C779" s="90" t="s">
        <v>68</v>
      </c>
      <c r="D779" s="19" t="s">
        <v>771</v>
      </c>
      <c r="E779" s="120">
        <v>51906988</v>
      </c>
      <c r="F779" s="17" t="s">
        <v>1797</v>
      </c>
      <c r="G779" s="12">
        <v>882.08</v>
      </c>
      <c r="H779" s="12">
        <v>1084.96</v>
      </c>
      <c r="I779" s="11" t="s">
        <v>71</v>
      </c>
      <c r="J779" s="11"/>
    </row>
    <row r="780" spans="1:10" x14ac:dyDescent="0.25">
      <c r="A780" s="10" t="s">
        <v>1798</v>
      </c>
      <c r="B780" s="212">
        <v>45874</v>
      </c>
      <c r="C780" s="88" t="s">
        <v>134</v>
      </c>
      <c r="D780" s="16" t="s">
        <v>135</v>
      </c>
      <c r="E780" s="102">
        <v>35889063</v>
      </c>
      <c r="F780" s="16" t="s">
        <v>1799</v>
      </c>
      <c r="G780" s="8">
        <v>100</v>
      </c>
      <c r="H780" s="8">
        <v>100</v>
      </c>
      <c r="I780" s="80" t="s">
        <v>1341</v>
      </c>
      <c r="J780" s="6"/>
    </row>
    <row r="781" spans="1:10" x14ac:dyDescent="0.25">
      <c r="A781" s="10" t="s">
        <v>1800</v>
      </c>
      <c r="B781" s="212">
        <v>45874</v>
      </c>
      <c r="C781" s="88" t="s">
        <v>455</v>
      </c>
      <c r="D781" s="33" t="s">
        <v>607</v>
      </c>
      <c r="E781" s="101">
        <v>31609058</v>
      </c>
      <c r="F781" s="33" t="s">
        <v>1801</v>
      </c>
      <c r="G781" s="8">
        <v>171.7</v>
      </c>
      <c r="H781" s="8">
        <v>211.19</v>
      </c>
      <c r="I781" s="6" t="s">
        <v>458</v>
      </c>
      <c r="J781" s="6"/>
    </row>
    <row r="782" spans="1:10" x14ac:dyDescent="0.25">
      <c r="A782" s="10" t="s">
        <v>1802</v>
      </c>
      <c r="B782" s="211">
        <v>45873</v>
      </c>
      <c r="C782" s="90" t="s">
        <v>599</v>
      </c>
      <c r="D782" s="10" t="s">
        <v>1803</v>
      </c>
      <c r="E782" s="103">
        <v>36562939</v>
      </c>
      <c r="F782" s="109" t="s">
        <v>1804</v>
      </c>
      <c r="G782" s="12">
        <v>445.61</v>
      </c>
      <c r="H782" s="12">
        <v>548.1</v>
      </c>
      <c r="I782" s="11"/>
      <c r="J782" s="11">
        <v>2072025</v>
      </c>
    </row>
    <row r="783" spans="1:10" x14ac:dyDescent="0.25">
      <c r="A783" s="10" t="s">
        <v>1805</v>
      </c>
      <c r="B783" s="211">
        <v>45873</v>
      </c>
      <c r="C783" s="110" t="s">
        <v>520</v>
      </c>
      <c r="D783" s="39" t="s">
        <v>521</v>
      </c>
      <c r="E783" s="111">
        <v>51871998</v>
      </c>
      <c r="F783" s="39" t="s">
        <v>1806</v>
      </c>
      <c r="G783" s="40">
        <v>1680</v>
      </c>
      <c r="H783" s="40">
        <v>2066.4</v>
      </c>
      <c r="I783" s="112"/>
      <c r="J783" s="39">
        <v>2052025</v>
      </c>
    </row>
    <row r="784" spans="1:10" x14ac:dyDescent="0.25">
      <c r="A784" s="10" t="s">
        <v>1807</v>
      </c>
      <c r="B784" s="211">
        <v>45874</v>
      </c>
      <c r="C784" s="90" t="s">
        <v>95</v>
      </c>
      <c r="D784" s="17" t="s">
        <v>96</v>
      </c>
      <c r="E784" s="107">
        <v>31322832</v>
      </c>
      <c r="F784" s="11" t="s">
        <v>1808</v>
      </c>
      <c r="G784" s="12">
        <v>3766.37</v>
      </c>
      <c r="H784" s="12">
        <v>4632.66</v>
      </c>
      <c r="I784" s="11" t="s">
        <v>98</v>
      </c>
      <c r="J784" s="11"/>
    </row>
    <row r="785" spans="1:10" x14ac:dyDescent="0.25">
      <c r="A785" s="10" t="s">
        <v>1809</v>
      </c>
      <c r="B785" s="211">
        <v>45875</v>
      </c>
      <c r="C785" s="90" t="s">
        <v>1482</v>
      </c>
      <c r="D785" s="10" t="s">
        <v>1483</v>
      </c>
      <c r="E785" s="146">
        <v>31348653</v>
      </c>
      <c r="F785" s="10" t="s">
        <v>1810</v>
      </c>
      <c r="G785" s="12">
        <v>63</v>
      </c>
      <c r="H785" s="12">
        <v>77.489999999999995</v>
      </c>
      <c r="I785" s="11" t="s">
        <v>1485</v>
      </c>
      <c r="J785" s="11">
        <v>2032025</v>
      </c>
    </row>
    <row r="786" spans="1:10" x14ac:dyDescent="0.25">
      <c r="A786" s="10" t="s">
        <v>1811</v>
      </c>
      <c r="B786" s="212">
        <v>45874</v>
      </c>
      <c r="C786" s="88" t="s">
        <v>357</v>
      </c>
      <c r="D786" s="6" t="s">
        <v>358</v>
      </c>
      <c r="E786" s="101">
        <v>36250481</v>
      </c>
      <c r="F786" s="16" t="s">
        <v>1812</v>
      </c>
      <c r="G786" s="18">
        <v>34865.5</v>
      </c>
      <c r="H786" s="18">
        <v>42884.57</v>
      </c>
      <c r="I786" s="9" t="s">
        <v>360</v>
      </c>
      <c r="J786" s="6" t="s">
        <v>1001</v>
      </c>
    </row>
    <row r="787" spans="1:10" x14ac:dyDescent="0.25">
      <c r="A787" s="10" t="s">
        <v>1813</v>
      </c>
      <c r="B787" s="212">
        <v>45874</v>
      </c>
      <c r="C787" s="88" t="s">
        <v>357</v>
      </c>
      <c r="D787" s="6" t="s">
        <v>358</v>
      </c>
      <c r="E787" s="101">
        <v>36250481</v>
      </c>
      <c r="F787" s="16" t="s">
        <v>1814</v>
      </c>
      <c r="G787" s="8">
        <v>9231.7199999999993</v>
      </c>
      <c r="H787" s="8">
        <v>11355.02</v>
      </c>
      <c r="I787" s="6" t="s">
        <v>360</v>
      </c>
      <c r="J787" s="6">
        <v>922025</v>
      </c>
    </row>
    <row r="788" spans="1:10" x14ac:dyDescent="0.25">
      <c r="A788" s="10" t="s">
        <v>1815</v>
      </c>
      <c r="B788" s="212">
        <v>45874</v>
      </c>
      <c r="C788" s="88" t="s">
        <v>357</v>
      </c>
      <c r="D788" s="6" t="s">
        <v>358</v>
      </c>
      <c r="E788" s="101">
        <v>36250481</v>
      </c>
      <c r="F788" s="16" t="s">
        <v>1816</v>
      </c>
      <c r="G788" s="8">
        <v>1920</v>
      </c>
      <c r="H788" s="8">
        <v>2361.6</v>
      </c>
      <c r="I788" s="6" t="s">
        <v>360</v>
      </c>
      <c r="J788" s="6">
        <v>922025</v>
      </c>
    </row>
    <row r="789" spans="1:10" x14ac:dyDescent="0.25">
      <c r="A789" s="10" t="s">
        <v>1817</v>
      </c>
      <c r="B789" s="212">
        <v>45874</v>
      </c>
      <c r="C789" s="88" t="s">
        <v>357</v>
      </c>
      <c r="D789" s="6" t="s">
        <v>358</v>
      </c>
      <c r="E789" s="101">
        <v>36250481</v>
      </c>
      <c r="F789" s="6" t="s">
        <v>1818</v>
      </c>
      <c r="G789" s="18">
        <v>3500</v>
      </c>
      <c r="H789" s="18">
        <v>4305</v>
      </c>
      <c r="I789" s="9" t="s">
        <v>387</v>
      </c>
      <c r="J789" s="6"/>
    </row>
    <row r="790" spans="1:10" x14ac:dyDescent="0.25">
      <c r="A790" s="10" t="s">
        <v>1819</v>
      </c>
      <c r="B790" s="211">
        <v>45875</v>
      </c>
      <c r="C790" s="90" t="s">
        <v>117</v>
      </c>
      <c r="D790" s="23" t="s">
        <v>118</v>
      </c>
      <c r="E790" s="105">
        <v>46380434</v>
      </c>
      <c r="F790" s="23" t="s">
        <v>1820</v>
      </c>
      <c r="G790" s="12">
        <v>1045</v>
      </c>
      <c r="H790" s="12">
        <v>1285.3499999999999</v>
      </c>
      <c r="I790" s="61" t="s">
        <v>120</v>
      </c>
      <c r="J790" s="11"/>
    </row>
    <row r="791" spans="1:10" x14ac:dyDescent="0.25">
      <c r="A791" s="10" t="s">
        <v>1821</v>
      </c>
      <c r="B791" s="232">
        <v>45874</v>
      </c>
      <c r="C791" s="242" t="s">
        <v>164</v>
      </c>
      <c r="D791" s="81" t="s">
        <v>165</v>
      </c>
      <c r="E791" s="128">
        <v>43799485</v>
      </c>
      <c r="F791" s="6" t="s">
        <v>1822</v>
      </c>
      <c r="G791" s="18">
        <v>3000</v>
      </c>
      <c r="H791" s="18">
        <v>3670</v>
      </c>
      <c r="I791" s="9" t="s">
        <v>167</v>
      </c>
      <c r="J791" s="81"/>
    </row>
    <row r="792" spans="1:10" x14ac:dyDescent="0.25">
      <c r="A792" s="56" t="s">
        <v>1823</v>
      </c>
      <c r="B792" s="212">
        <v>45874</v>
      </c>
      <c r="C792" s="96" t="s">
        <v>164</v>
      </c>
      <c r="D792" s="6" t="s">
        <v>165</v>
      </c>
      <c r="E792" s="101">
        <v>43799485</v>
      </c>
      <c r="F792" s="6" t="s">
        <v>1824</v>
      </c>
      <c r="G792" s="18">
        <v>17868.330000000002</v>
      </c>
      <c r="H792" s="18">
        <v>18006.330000000002</v>
      </c>
      <c r="I792" s="9" t="s">
        <v>167</v>
      </c>
      <c r="J792" s="6"/>
    </row>
    <row r="793" spans="1:10" x14ac:dyDescent="0.25">
      <c r="A793" s="56" t="s">
        <v>1825</v>
      </c>
      <c r="B793" s="211">
        <v>45875</v>
      </c>
      <c r="C793" s="90" t="s">
        <v>182</v>
      </c>
      <c r="D793" s="11" t="s">
        <v>183</v>
      </c>
      <c r="E793" s="103">
        <v>48059528</v>
      </c>
      <c r="F793" s="11" t="s">
        <v>1826</v>
      </c>
      <c r="G793" s="18">
        <v>3582.86</v>
      </c>
      <c r="H793" s="18">
        <v>3762</v>
      </c>
      <c r="I793" s="13" t="s">
        <v>185</v>
      </c>
      <c r="J793" s="11"/>
    </row>
    <row r="794" spans="1:10" x14ac:dyDescent="0.25">
      <c r="A794" s="56" t="s">
        <v>1827</v>
      </c>
      <c r="B794" s="211">
        <v>45873</v>
      </c>
      <c r="C794" s="90" t="s">
        <v>73</v>
      </c>
      <c r="D794" s="26" t="s">
        <v>74</v>
      </c>
      <c r="E794" s="114">
        <v>35763469</v>
      </c>
      <c r="F794" s="26" t="s">
        <v>1828</v>
      </c>
      <c r="G794" s="12">
        <v>7937.36</v>
      </c>
      <c r="H794" s="12">
        <v>9761.35</v>
      </c>
      <c r="I794" s="11" t="s">
        <v>76</v>
      </c>
      <c r="J794" s="11"/>
    </row>
    <row r="795" spans="1:10" x14ac:dyDescent="0.25">
      <c r="A795" s="56" t="s">
        <v>1829</v>
      </c>
      <c r="B795" s="211">
        <v>45875</v>
      </c>
      <c r="C795" s="90" t="s">
        <v>155</v>
      </c>
      <c r="D795" s="11" t="s">
        <v>156</v>
      </c>
      <c r="E795" s="103">
        <v>36687936</v>
      </c>
      <c r="F795" s="11" t="s">
        <v>1830</v>
      </c>
      <c r="G795" s="18">
        <v>2777.8</v>
      </c>
      <c r="H795" s="18">
        <v>3416.69</v>
      </c>
      <c r="I795" s="13" t="s">
        <v>158</v>
      </c>
      <c r="J795" s="11"/>
    </row>
    <row r="796" spans="1:10" x14ac:dyDescent="0.25">
      <c r="A796" s="56" t="s">
        <v>1831</v>
      </c>
      <c r="B796" s="211">
        <v>45875</v>
      </c>
      <c r="C796" s="90" t="s">
        <v>155</v>
      </c>
      <c r="D796" s="10" t="s">
        <v>156</v>
      </c>
      <c r="E796" s="103">
        <v>36687936</v>
      </c>
      <c r="F796" s="11" t="s">
        <v>1832</v>
      </c>
      <c r="G796" s="18">
        <v>4386</v>
      </c>
      <c r="H796" s="18">
        <v>5394.78</v>
      </c>
      <c r="I796" s="13" t="s">
        <v>158</v>
      </c>
      <c r="J796" s="11"/>
    </row>
    <row r="797" spans="1:10" x14ac:dyDescent="0.25">
      <c r="A797" s="56" t="s">
        <v>1833</v>
      </c>
      <c r="B797" s="211">
        <v>45875</v>
      </c>
      <c r="C797" s="90" t="s">
        <v>155</v>
      </c>
      <c r="D797" s="10" t="s">
        <v>156</v>
      </c>
      <c r="E797" s="103">
        <v>36687936</v>
      </c>
      <c r="F797" s="11" t="s">
        <v>1834</v>
      </c>
      <c r="G797" s="18">
        <v>19323.099999999999</v>
      </c>
      <c r="H797" s="18">
        <v>19714.099999999999</v>
      </c>
      <c r="I797" s="13" t="s">
        <v>158</v>
      </c>
      <c r="J797" s="11"/>
    </row>
    <row r="798" spans="1:10" x14ac:dyDescent="0.25">
      <c r="A798" s="56" t="s">
        <v>1835</v>
      </c>
      <c r="B798" s="211">
        <v>45875</v>
      </c>
      <c r="C798" s="96" t="s">
        <v>155</v>
      </c>
      <c r="D798" s="6" t="s">
        <v>156</v>
      </c>
      <c r="E798" s="101">
        <v>36687938</v>
      </c>
      <c r="F798" s="6" t="s">
        <v>1836</v>
      </c>
      <c r="G798" s="18">
        <v>316.61</v>
      </c>
      <c r="H798" s="18">
        <v>376.77</v>
      </c>
      <c r="I798" s="13" t="s">
        <v>158</v>
      </c>
      <c r="J798" s="6"/>
    </row>
    <row r="799" spans="1:10" x14ac:dyDescent="0.25">
      <c r="A799" s="56" t="s">
        <v>1837</v>
      </c>
      <c r="B799" s="211">
        <v>45876</v>
      </c>
      <c r="C799" s="90" t="s">
        <v>914</v>
      </c>
      <c r="D799" s="10" t="s">
        <v>915</v>
      </c>
      <c r="E799" s="103">
        <v>35752831</v>
      </c>
      <c r="F799" s="10" t="s">
        <v>1838</v>
      </c>
      <c r="G799" s="12">
        <v>129.74</v>
      </c>
      <c r="H799" s="12">
        <v>159.58000000000001</v>
      </c>
      <c r="I799" s="135" t="s">
        <v>920</v>
      </c>
      <c r="J799" s="11"/>
    </row>
    <row r="800" spans="1:10" x14ac:dyDescent="0.25">
      <c r="A800" s="56" t="s">
        <v>1839</v>
      </c>
      <c r="B800" s="212">
        <v>45881</v>
      </c>
      <c r="C800" s="88" t="s">
        <v>1840</v>
      </c>
      <c r="D800" s="33" t="s">
        <v>1841</v>
      </c>
      <c r="E800" s="101">
        <v>36459925</v>
      </c>
      <c r="F800" s="33" t="s">
        <v>1842</v>
      </c>
      <c r="G800" s="12">
        <v>14095.79</v>
      </c>
      <c r="H800" s="12">
        <v>17337.82</v>
      </c>
      <c r="I800" s="11"/>
      <c r="J800" s="11">
        <v>1922025</v>
      </c>
    </row>
    <row r="801" spans="1:10" x14ac:dyDescent="0.25">
      <c r="A801" s="56" t="s">
        <v>1843</v>
      </c>
      <c r="B801" s="212">
        <v>45870</v>
      </c>
      <c r="C801" s="88" t="s">
        <v>277</v>
      </c>
      <c r="D801" s="11" t="s">
        <v>278</v>
      </c>
      <c r="E801" s="103">
        <v>36237337</v>
      </c>
      <c r="F801" s="33" t="s">
        <v>1844</v>
      </c>
      <c r="G801" s="8">
        <v>35</v>
      </c>
      <c r="H801" s="8">
        <v>43.05</v>
      </c>
      <c r="I801" s="13" t="s">
        <v>1686</v>
      </c>
      <c r="J801" s="6"/>
    </row>
    <row r="802" spans="1:10" x14ac:dyDescent="0.25">
      <c r="A802" s="56" t="s">
        <v>1845</v>
      </c>
      <c r="B802" s="211">
        <v>45877</v>
      </c>
      <c r="C802" s="90" t="s">
        <v>455</v>
      </c>
      <c r="D802" s="10" t="s">
        <v>607</v>
      </c>
      <c r="E802" s="103">
        <v>31609058</v>
      </c>
      <c r="F802" s="6" t="s">
        <v>1846</v>
      </c>
      <c r="G802" s="12">
        <v>720</v>
      </c>
      <c r="H802" s="12">
        <v>885.6</v>
      </c>
      <c r="I802" s="11" t="s">
        <v>458</v>
      </c>
      <c r="J802" s="11"/>
    </row>
    <row r="803" spans="1:10" x14ac:dyDescent="0.25">
      <c r="A803" s="56" t="s">
        <v>1847</v>
      </c>
      <c r="B803" s="211">
        <v>45877</v>
      </c>
      <c r="C803" s="90" t="s">
        <v>15</v>
      </c>
      <c r="D803" s="10" t="s">
        <v>1265</v>
      </c>
      <c r="E803" s="124">
        <v>35722533</v>
      </c>
      <c r="F803" s="17" t="s">
        <v>1848</v>
      </c>
      <c r="G803" s="12">
        <v>3526</v>
      </c>
      <c r="H803" s="12">
        <v>4336.9799999999996</v>
      </c>
      <c r="I803" s="11" t="s">
        <v>18</v>
      </c>
      <c r="J803" s="11"/>
    </row>
    <row r="804" spans="1:10" x14ac:dyDescent="0.25">
      <c r="A804" s="56" t="s">
        <v>1849</v>
      </c>
      <c r="B804" s="211">
        <v>45877</v>
      </c>
      <c r="C804" s="89" t="s">
        <v>1161</v>
      </c>
      <c r="D804" s="11" t="s">
        <v>1162</v>
      </c>
      <c r="E804" s="103">
        <v>52283411</v>
      </c>
      <c r="F804" s="11" t="s">
        <v>1850</v>
      </c>
      <c r="G804" s="12">
        <v>2800</v>
      </c>
      <c r="H804" s="12">
        <v>3444</v>
      </c>
      <c r="I804" s="13" t="s">
        <v>1164</v>
      </c>
      <c r="J804" s="11"/>
    </row>
    <row r="805" spans="1:10" x14ac:dyDescent="0.25">
      <c r="A805" s="56" t="s">
        <v>1851</v>
      </c>
      <c r="B805" s="211">
        <v>45876</v>
      </c>
      <c r="C805" s="90" t="s">
        <v>914</v>
      </c>
      <c r="D805" s="10" t="s">
        <v>915</v>
      </c>
      <c r="E805" s="103">
        <v>35752831</v>
      </c>
      <c r="F805" s="10" t="s">
        <v>1852</v>
      </c>
      <c r="G805" s="12">
        <v>203.73</v>
      </c>
      <c r="H805" s="12">
        <v>250.59</v>
      </c>
      <c r="I805" s="135" t="s">
        <v>917</v>
      </c>
      <c r="J805" s="11"/>
    </row>
    <row r="806" spans="1:10" x14ac:dyDescent="0.25">
      <c r="A806" s="56" t="s">
        <v>1853</v>
      </c>
      <c r="B806" s="211">
        <v>45881</v>
      </c>
      <c r="C806" s="90" t="s">
        <v>546</v>
      </c>
      <c r="D806" s="10" t="s">
        <v>547</v>
      </c>
      <c r="E806" s="103">
        <v>31402445</v>
      </c>
      <c r="F806" s="10" t="s">
        <v>1854</v>
      </c>
      <c r="G806" s="12">
        <v>395</v>
      </c>
      <c r="H806" s="12">
        <v>485.85</v>
      </c>
      <c r="I806" s="11" t="s">
        <v>549</v>
      </c>
      <c r="J806" s="11"/>
    </row>
    <row r="807" spans="1:10" x14ac:dyDescent="0.25">
      <c r="A807" s="56" t="s">
        <v>1855</v>
      </c>
      <c r="B807" s="211">
        <v>45881</v>
      </c>
      <c r="C807" s="90" t="s">
        <v>241</v>
      </c>
      <c r="D807" s="33" t="s">
        <v>242</v>
      </c>
      <c r="E807" s="101">
        <v>36631124</v>
      </c>
      <c r="F807" s="23" t="s">
        <v>1856</v>
      </c>
      <c r="G807" s="18">
        <v>25.67</v>
      </c>
      <c r="H807" s="18">
        <v>31.57</v>
      </c>
      <c r="I807" s="13" t="s">
        <v>611</v>
      </c>
      <c r="J807" s="6"/>
    </row>
    <row r="808" spans="1:10" x14ac:dyDescent="0.25">
      <c r="A808" s="56" t="s">
        <v>1857</v>
      </c>
      <c r="B808" s="211">
        <v>45881</v>
      </c>
      <c r="C808" s="90" t="s">
        <v>241</v>
      </c>
      <c r="D808" s="33" t="s">
        <v>242</v>
      </c>
      <c r="E808" s="101">
        <v>36631124</v>
      </c>
      <c r="F808" s="33" t="s">
        <v>1858</v>
      </c>
      <c r="G808" s="12">
        <v>6906.05</v>
      </c>
      <c r="H808" s="12">
        <v>6906.05</v>
      </c>
      <c r="I808" s="11" t="s">
        <v>611</v>
      </c>
      <c r="J808" s="11"/>
    </row>
    <row r="809" spans="1:10" x14ac:dyDescent="0.25">
      <c r="A809" s="56" t="s">
        <v>1859</v>
      </c>
      <c r="B809" s="212">
        <v>45882</v>
      </c>
      <c r="C809" s="88" t="s">
        <v>302</v>
      </c>
      <c r="D809" s="33" t="s">
        <v>1860</v>
      </c>
      <c r="E809" s="101">
        <v>45156424</v>
      </c>
      <c r="F809" s="6" t="s">
        <v>1861</v>
      </c>
      <c r="G809" s="8">
        <v>8892.4500000000007</v>
      </c>
      <c r="H809" s="8">
        <v>10937.71</v>
      </c>
      <c r="I809" s="6" t="s">
        <v>1792</v>
      </c>
      <c r="J809" s="6"/>
    </row>
    <row r="810" spans="1:10" x14ac:dyDescent="0.25">
      <c r="A810" s="56" t="s">
        <v>1862</v>
      </c>
      <c r="B810" s="212">
        <v>45881</v>
      </c>
      <c r="C810" s="93" t="s">
        <v>187</v>
      </c>
      <c r="D810" s="16" t="s">
        <v>188</v>
      </c>
      <c r="E810" s="102">
        <v>35954612</v>
      </c>
      <c r="F810" s="16" t="s">
        <v>1863</v>
      </c>
      <c r="G810" s="18">
        <v>7520</v>
      </c>
      <c r="H810" s="18">
        <v>9249.6</v>
      </c>
      <c r="I810" s="9" t="s">
        <v>223</v>
      </c>
      <c r="J810" s="6">
        <v>1712025</v>
      </c>
    </row>
    <row r="811" spans="1:10" x14ac:dyDescent="0.25">
      <c r="A811" s="56" t="s">
        <v>1864</v>
      </c>
      <c r="B811" s="212">
        <v>45881</v>
      </c>
      <c r="C811" s="93" t="s">
        <v>187</v>
      </c>
      <c r="D811" s="16" t="s">
        <v>188</v>
      </c>
      <c r="E811" s="102">
        <v>35954612</v>
      </c>
      <c r="F811" s="16" t="s">
        <v>1865</v>
      </c>
      <c r="G811" s="18">
        <v>6750</v>
      </c>
      <c r="H811" s="18">
        <v>8302.5</v>
      </c>
      <c r="I811" s="9" t="s">
        <v>223</v>
      </c>
      <c r="J811" s="6">
        <v>1712025</v>
      </c>
    </row>
    <row r="812" spans="1:10" x14ac:dyDescent="0.25">
      <c r="A812" s="56" t="s">
        <v>1866</v>
      </c>
      <c r="B812" s="212">
        <v>45881</v>
      </c>
      <c r="C812" s="93" t="s">
        <v>187</v>
      </c>
      <c r="D812" s="16" t="s">
        <v>188</v>
      </c>
      <c r="E812" s="102">
        <v>35954612</v>
      </c>
      <c r="F812" s="16" t="s">
        <v>1867</v>
      </c>
      <c r="G812" s="18">
        <v>28110</v>
      </c>
      <c r="H812" s="18">
        <v>34575.300000000003</v>
      </c>
      <c r="I812" s="9" t="s">
        <v>223</v>
      </c>
      <c r="J812" s="6">
        <v>1712025</v>
      </c>
    </row>
    <row r="813" spans="1:10" x14ac:dyDescent="0.25">
      <c r="A813" s="56" t="s">
        <v>1868</v>
      </c>
      <c r="B813" s="212">
        <v>45881</v>
      </c>
      <c r="C813" s="93" t="s">
        <v>187</v>
      </c>
      <c r="D813" s="16" t="s">
        <v>188</v>
      </c>
      <c r="E813" s="102">
        <v>35954612</v>
      </c>
      <c r="F813" s="16" t="s">
        <v>1869</v>
      </c>
      <c r="G813" s="18">
        <v>4000</v>
      </c>
      <c r="H813" s="18">
        <v>4920</v>
      </c>
      <c r="I813" s="9" t="s">
        <v>223</v>
      </c>
      <c r="J813" s="6">
        <v>1712025</v>
      </c>
    </row>
    <row r="814" spans="1:10" x14ac:dyDescent="0.25">
      <c r="A814" s="56" t="s">
        <v>1870</v>
      </c>
      <c r="B814" s="212">
        <v>45881</v>
      </c>
      <c r="C814" s="93" t="s">
        <v>187</v>
      </c>
      <c r="D814" s="16" t="s">
        <v>188</v>
      </c>
      <c r="E814" s="102">
        <v>35954612</v>
      </c>
      <c r="F814" s="16" t="s">
        <v>1871</v>
      </c>
      <c r="G814" s="18">
        <v>6510</v>
      </c>
      <c r="H814" s="18">
        <v>8007.3</v>
      </c>
      <c r="I814" s="9" t="s">
        <v>223</v>
      </c>
      <c r="J814" s="6">
        <v>1712025</v>
      </c>
    </row>
    <row r="815" spans="1:10" x14ac:dyDescent="0.25">
      <c r="A815" s="56" t="s">
        <v>1872</v>
      </c>
      <c r="B815" s="212">
        <v>45881</v>
      </c>
      <c r="C815" s="93" t="s">
        <v>187</v>
      </c>
      <c r="D815" s="16" t="s">
        <v>188</v>
      </c>
      <c r="E815" s="102">
        <v>35954612</v>
      </c>
      <c r="F815" s="16" t="s">
        <v>1873</v>
      </c>
      <c r="G815" s="18">
        <v>6160</v>
      </c>
      <c r="H815" s="18">
        <v>7576.8</v>
      </c>
      <c r="I815" s="9" t="s">
        <v>223</v>
      </c>
      <c r="J815" s="6">
        <v>1712025</v>
      </c>
    </row>
    <row r="816" spans="1:10" x14ac:dyDescent="0.25">
      <c r="A816" s="56" t="s">
        <v>1874</v>
      </c>
      <c r="B816" s="212">
        <v>45881</v>
      </c>
      <c r="C816" s="93" t="s">
        <v>187</v>
      </c>
      <c r="D816" s="16" t="s">
        <v>188</v>
      </c>
      <c r="E816" s="102">
        <v>35954612</v>
      </c>
      <c r="F816" s="16" t="s">
        <v>1875</v>
      </c>
      <c r="G816" s="18">
        <v>5170</v>
      </c>
      <c r="H816" s="18">
        <v>6359.1</v>
      </c>
      <c r="I816" s="9" t="s">
        <v>223</v>
      </c>
      <c r="J816" s="6">
        <v>1712025</v>
      </c>
    </row>
    <row r="817" spans="1:10" x14ac:dyDescent="0.25">
      <c r="A817" s="56" t="s">
        <v>1876</v>
      </c>
      <c r="B817" s="212">
        <v>45881</v>
      </c>
      <c r="C817" s="93" t="s">
        <v>187</v>
      </c>
      <c r="D817" s="16" t="s">
        <v>188</v>
      </c>
      <c r="E817" s="102">
        <v>35954612</v>
      </c>
      <c r="F817" s="16" t="s">
        <v>1877</v>
      </c>
      <c r="G817" s="18">
        <v>6970</v>
      </c>
      <c r="H817" s="18">
        <v>8573.1</v>
      </c>
      <c r="I817" s="9" t="s">
        <v>223</v>
      </c>
      <c r="J817" s="6">
        <v>1712025</v>
      </c>
    </row>
    <row r="818" spans="1:10" x14ac:dyDescent="0.25">
      <c r="A818" s="56" t="s">
        <v>1878</v>
      </c>
      <c r="B818" s="212">
        <v>45881</v>
      </c>
      <c r="C818" s="93" t="s">
        <v>187</v>
      </c>
      <c r="D818" s="16" t="s">
        <v>188</v>
      </c>
      <c r="E818" s="102">
        <v>35954612</v>
      </c>
      <c r="F818" s="16" t="s">
        <v>1879</v>
      </c>
      <c r="G818" s="18">
        <v>6560</v>
      </c>
      <c r="H818" s="18">
        <v>8068.8</v>
      </c>
      <c r="I818" s="9" t="s">
        <v>223</v>
      </c>
      <c r="J818" s="6">
        <v>1712025</v>
      </c>
    </row>
    <row r="819" spans="1:10" x14ac:dyDescent="0.25">
      <c r="A819" s="56" t="s">
        <v>1880</v>
      </c>
      <c r="B819" s="212">
        <v>45881</v>
      </c>
      <c r="C819" s="93" t="s">
        <v>187</v>
      </c>
      <c r="D819" s="16" t="s">
        <v>188</v>
      </c>
      <c r="E819" s="102">
        <v>35954612</v>
      </c>
      <c r="F819" s="16" t="s">
        <v>1881</v>
      </c>
      <c r="G819" s="18">
        <v>13720</v>
      </c>
      <c r="H819" s="18">
        <v>16875.599999999999</v>
      </c>
      <c r="I819" s="9" t="s">
        <v>223</v>
      </c>
      <c r="J819" s="6">
        <v>1712025</v>
      </c>
    </row>
    <row r="820" spans="1:10" x14ac:dyDescent="0.25">
      <c r="A820" s="56" t="s">
        <v>1882</v>
      </c>
      <c r="B820" s="211">
        <v>45881</v>
      </c>
      <c r="C820" s="95" t="s">
        <v>187</v>
      </c>
      <c r="D820" s="17" t="s">
        <v>188</v>
      </c>
      <c r="E820" s="107">
        <v>35954612</v>
      </c>
      <c r="F820" s="11" t="s">
        <v>1883</v>
      </c>
      <c r="G820" s="12">
        <v>1268.51</v>
      </c>
      <c r="H820" s="12">
        <v>1560.27</v>
      </c>
      <c r="I820" s="13" t="s">
        <v>190</v>
      </c>
      <c r="J820" s="11">
        <v>1752025</v>
      </c>
    </row>
    <row r="821" spans="1:10" x14ac:dyDescent="0.25">
      <c r="A821" s="56" t="s">
        <v>1884</v>
      </c>
      <c r="B821" s="211">
        <v>45881</v>
      </c>
      <c r="C821" s="95" t="s">
        <v>187</v>
      </c>
      <c r="D821" s="17" t="s">
        <v>188</v>
      </c>
      <c r="E821" s="107">
        <v>35954612</v>
      </c>
      <c r="F821" s="11" t="s">
        <v>1885</v>
      </c>
      <c r="G821" s="45">
        <v>1315.4</v>
      </c>
      <c r="H821" s="45">
        <v>1617.94</v>
      </c>
      <c r="I821" s="13" t="s">
        <v>190</v>
      </c>
      <c r="J821" s="11">
        <v>1752025</v>
      </c>
    </row>
    <row r="822" spans="1:10" x14ac:dyDescent="0.25">
      <c r="A822" s="56" t="s">
        <v>1886</v>
      </c>
      <c r="B822" s="211">
        <v>45881</v>
      </c>
      <c r="C822" s="95" t="s">
        <v>187</v>
      </c>
      <c r="D822" s="17" t="s">
        <v>188</v>
      </c>
      <c r="E822" s="107">
        <v>35954612</v>
      </c>
      <c r="F822" s="11" t="s">
        <v>1887</v>
      </c>
      <c r="G822" s="45">
        <v>1303.0899999999999</v>
      </c>
      <c r="H822" s="45">
        <v>1602.8</v>
      </c>
      <c r="I822" s="13" t="s">
        <v>190</v>
      </c>
      <c r="J822" s="11">
        <v>1752025</v>
      </c>
    </row>
    <row r="823" spans="1:10" x14ac:dyDescent="0.25">
      <c r="A823" s="56" t="s">
        <v>1888</v>
      </c>
      <c r="B823" s="211">
        <v>45881</v>
      </c>
      <c r="C823" s="95" t="s">
        <v>187</v>
      </c>
      <c r="D823" s="17" t="s">
        <v>188</v>
      </c>
      <c r="E823" s="107">
        <v>35954612</v>
      </c>
      <c r="F823" s="11" t="s">
        <v>1889</v>
      </c>
      <c r="G823" s="45">
        <v>6651.61</v>
      </c>
      <c r="H823" s="45">
        <v>8181.48</v>
      </c>
      <c r="I823" s="13" t="s">
        <v>190</v>
      </c>
      <c r="J823" s="116">
        <v>1752025</v>
      </c>
    </row>
    <row r="824" spans="1:10" x14ac:dyDescent="0.25">
      <c r="A824" s="56" t="s">
        <v>1890</v>
      </c>
      <c r="B824" s="211">
        <v>45881</v>
      </c>
      <c r="C824" s="95" t="s">
        <v>187</v>
      </c>
      <c r="D824" s="17" t="s">
        <v>188</v>
      </c>
      <c r="E824" s="107">
        <v>35954612</v>
      </c>
      <c r="F824" s="11" t="s">
        <v>1891</v>
      </c>
      <c r="G824" s="45">
        <v>1235.93</v>
      </c>
      <c r="H824" s="45">
        <v>1520.19</v>
      </c>
      <c r="I824" s="47" t="s">
        <v>190</v>
      </c>
      <c r="J824" s="11">
        <v>1752025</v>
      </c>
    </row>
    <row r="825" spans="1:10" x14ac:dyDescent="0.25">
      <c r="A825" s="56" t="s">
        <v>1892</v>
      </c>
      <c r="B825" s="211">
        <v>45881</v>
      </c>
      <c r="C825" s="95" t="s">
        <v>187</v>
      </c>
      <c r="D825" s="17" t="s">
        <v>188</v>
      </c>
      <c r="E825" s="107">
        <v>35954612</v>
      </c>
      <c r="F825" s="11" t="s">
        <v>1893</v>
      </c>
      <c r="G825" s="45">
        <v>1270.18</v>
      </c>
      <c r="H825" s="45">
        <v>1562.32</v>
      </c>
      <c r="I825" s="47" t="s">
        <v>190</v>
      </c>
      <c r="J825" s="11">
        <v>1752025</v>
      </c>
    </row>
    <row r="826" spans="1:10" x14ac:dyDescent="0.25">
      <c r="A826" s="56" t="s">
        <v>1894</v>
      </c>
      <c r="B826" s="211">
        <v>45881</v>
      </c>
      <c r="C826" s="95" t="s">
        <v>187</v>
      </c>
      <c r="D826" s="17" t="s">
        <v>188</v>
      </c>
      <c r="E826" s="107">
        <v>35954612</v>
      </c>
      <c r="F826" s="11" t="s">
        <v>1895</v>
      </c>
      <c r="G826" s="45">
        <v>1262.74</v>
      </c>
      <c r="H826" s="45">
        <v>1553.17</v>
      </c>
      <c r="I826" s="47" t="s">
        <v>190</v>
      </c>
      <c r="J826" s="11">
        <v>1752025</v>
      </c>
    </row>
    <row r="827" spans="1:10" x14ac:dyDescent="0.25">
      <c r="A827" s="56" t="s">
        <v>1896</v>
      </c>
      <c r="B827" s="211">
        <v>45881</v>
      </c>
      <c r="C827" s="95" t="s">
        <v>187</v>
      </c>
      <c r="D827" s="17" t="s">
        <v>188</v>
      </c>
      <c r="E827" s="107">
        <v>35954612</v>
      </c>
      <c r="F827" s="17" t="s">
        <v>1897</v>
      </c>
      <c r="G827" s="45">
        <v>1292.8499999999999</v>
      </c>
      <c r="H827" s="45">
        <v>1590.21</v>
      </c>
      <c r="I827" s="50" t="s">
        <v>190</v>
      </c>
      <c r="J827" s="11">
        <v>1752025</v>
      </c>
    </row>
    <row r="828" spans="1:10" x14ac:dyDescent="0.25">
      <c r="A828" s="56" t="s">
        <v>1898</v>
      </c>
      <c r="B828" s="211">
        <v>45881</v>
      </c>
      <c r="C828" s="95" t="s">
        <v>187</v>
      </c>
      <c r="D828" s="17" t="s">
        <v>188</v>
      </c>
      <c r="E828" s="107">
        <v>35954612</v>
      </c>
      <c r="F828" s="11" t="s">
        <v>1899</v>
      </c>
      <c r="G828" s="45">
        <v>1257.9100000000001</v>
      </c>
      <c r="H828" s="45">
        <v>1547.23</v>
      </c>
      <c r="I828" s="13" t="s">
        <v>190</v>
      </c>
      <c r="J828" s="147">
        <v>1752025</v>
      </c>
    </row>
    <row r="829" spans="1:10" x14ac:dyDescent="0.25">
      <c r="A829" s="56" t="s">
        <v>1900</v>
      </c>
      <c r="B829" s="212">
        <v>45882</v>
      </c>
      <c r="C829" s="88" t="s">
        <v>177</v>
      </c>
      <c r="D829" s="33" t="s">
        <v>172</v>
      </c>
      <c r="E829" s="101">
        <v>53528654</v>
      </c>
      <c r="F829" s="33" t="s">
        <v>1901</v>
      </c>
      <c r="G829" s="8">
        <v>5749.75</v>
      </c>
      <c r="H829" s="8">
        <v>5749.75</v>
      </c>
      <c r="I829" s="121" t="s">
        <v>1902</v>
      </c>
      <c r="J829" s="6">
        <v>2122025</v>
      </c>
    </row>
    <row r="830" spans="1:10" x14ac:dyDescent="0.25">
      <c r="A830" s="56" t="s">
        <v>1903</v>
      </c>
      <c r="B830" s="211">
        <v>45884</v>
      </c>
      <c r="C830" s="90" t="s">
        <v>171</v>
      </c>
      <c r="D830" s="33" t="s">
        <v>266</v>
      </c>
      <c r="E830" s="101">
        <v>52599515</v>
      </c>
      <c r="F830" s="33" t="s">
        <v>1904</v>
      </c>
      <c r="G830" s="18">
        <v>1773.66</v>
      </c>
      <c r="H830" s="18">
        <v>2170.25</v>
      </c>
      <c r="I830" s="13" t="s">
        <v>173</v>
      </c>
      <c r="J830" s="6"/>
    </row>
    <row r="831" spans="1:10" x14ac:dyDescent="0.25">
      <c r="A831" s="56" t="s">
        <v>1905</v>
      </c>
      <c r="B831" s="211">
        <v>45887</v>
      </c>
      <c r="C831" s="88" t="s">
        <v>139</v>
      </c>
      <c r="D831" s="33" t="s">
        <v>140</v>
      </c>
      <c r="E831" s="102">
        <v>47235713</v>
      </c>
      <c r="F831" s="33" t="s">
        <v>1906</v>
      </c>
      <c r="G831" s="321">
        <v>660.57</v>
      </c>
      <c r="H831" s="8">
        <v>786.08</v>
      </c>
      <c r="I831" s="11" t="s">
        <v>142</v>
      </c>
      <c r="J831" s="11"/>
    </row>
    <row r="832" spans="1:10" x14ac:dyDescent="0.25">
      <c r="A832" s="56" t="s">
        <v>1907</v>
      </c>
      <c r="B832" s="212">
        <v>45888</v>
      </c>
      <c r="C832" s="90" t="s">
        <v>1727</v>
      </c>
      <c r="D832" s="11" t="s">
        <v>473</v>
      </c>
      <c r="E832" s="103">
        <v>31567282</v>
      </c>
      <c r="F832" s="10" t="s">
        <v>1908</v>
      </c>
      <c r="G832" s="12">
        <v>2455</v>
      </c>
      <c r="H832" s="12">
        <v>3019.65</v>
      </c>
      <c r="I832" s="11" t="s">
        <v>475</v>
      </c>
      <c r="J832" s="6" t="s">
        <v>1909</v>
      </c>
    </row>
    <row r="833" spans="1:10" x14ac:dyDescent="0.25">
      <c r="A833" s="56" t="s">
        <v>1910</v>
      </c>
      <c r="B833" s="212">
        <v>45889</v>
      </c>
      <c r="C833" s="88" t="s">
        <v>122</v>
      </c>
      <c r="D833" s="33" t="s">
        <v>123</v>
      </c>
      <c r="E833" s="101">
        <v>46921931</v>
      </c>
      <c r="F833" s="33" t="s">
        <v>1911</v>
      </c>
      <c r="G833" s="8">
        <v>24175.42</v>
      </c>
      <c r="H833" s="8">
        <v>25754.76</v>
      </c>
      <c r="I833" s="11" t="s">
        <v>1175</v>
      </c>
      <c r="J833" s="6"/>
    </row>
    <row r="834" spans="1:10" x14ac:dyDescent="0.25">
      <c r="A834" s="56" t="s">
        <v>1912</v>
      </c>
      <c r="B834" s="212">
        <v>45889</v>
      </c>
      <c r="C834" s="88" t="s">
        <v>1913</v>
      </c>
      <c r="D834" s="33" t="s">
        <v>1914</v>
      </c>
      <c r="E834" s="101">
        <v>35819081</v>
      </c>
      <c r="F834" s="33" t="s">
        <v>1915</v>
      </c>
      <c r="G834" s="8">
        <v>16009.13</v>
      </c>
      <c r="H834" s="8">
        <v>19691.18</v>
      </c>
      <c r="I834" s="11" t="s">
        <v>1916</v>
      </c>
      <c r="J834" s="6">
        <v>1912025</v>
      </c>
    </row>
    <row r="835" spans="1:10" x14ac:dyDescent="0.25">
      <c r="A835" s="56" t="s">
        <v>1917</v>
      </c>
      <c r="B835" s="212">
        <v>45890</v>
      </c>
      <c r="C835" s="88" t="s">
        <v>134</v>
      </c>
      <c r="D835" s="33" t="s">
        <v>135</v>
      </c>
      <c r="E835" s="101">
        <v>35889063</v>
      </c>
      <c r="F835" s="33" t="s">
        <v>1918</v>
      </c>
      <c r="G835" s="8">
        <v>17.66</v>
      </c>
      <c r="H835" s="8">
        <v>21.02</v>
      </c>
      <c r="I835" s="11" t="s">
        <v>1341</v>
      </c>
      <c r="J835" s="6">
        <v>45852</v>
      </c>
    </row>
    <row r="836" spans="1:10" x14ac:dyDescent="0.25">
      <c r="A836" s="56" t="s">
        <v>1919</v>
      </c>
      <c r="B836" s="212">
        <v>45890</v>
      </c>
      <c r="C836" s="241" t="s">
        <v>155</v>
      </c>
      <c r="D836" s="251" t="s">
        <v>156</v>
      </c>
      <c r="E836" s="259">
        <v>36687938</v>
      </c>
      <c r="F836" s="117" t="s">
        <v>1920</v>
      </c>
      <c r="G836" s="119">
        <v>14.69</v>
      </c>
      <c r="H836" s="119">
        <v>17.48</v>
      </c>
      <c r="I836" s="13" t="s">
        <v>158</v>
      </c>
      <c r="J836" s="117"/>
    </row>
    <row r="837" spans="1:10" x14ac:dyDescent="0.25">
      <c r="A837" s="56" t="s">
        <v>1921</v>
      </c>
      <c r="B837" s="212">
        <v>45891</v>
      </c>
      <c r="C837" s="122" t="s">
        <v>100</v>
      </c>
      <c r="D837" s="248" t="s">
        <v>101</v>
      </c>
      <c r="E837" s="153">
        <v>36769304</v>
      </c>
      <c r="F837" s="16" t="s">
        <v>1170</v>
      </c>
      <c r="G837" s="18">
        <v>210</v>
      </c>
      <c r="H837" s="18">
        <v>258.3</v>
      </c>
      <c r="I837" s="62"/>
      <c r="J837" s="16">
        <v>1052025</v>
      </c>
    </row>
    <row r="838" spans="1:10" s="283" customFormat="1" x14ac:dyDescent="0.25">
      <c r="A838" s="290" t="s">
        <v>3657</v>
      </c>
      <c r="B838" s="296">
        <v>45891</v>
      </c>
      <c r="C838" s="291" t="s">
        <v>241</v>
      </c>
      <c r="D838" s="276" t="s">
        <v>242</v>
      </c>
      <c r="E838" s="292">
        <v>36631124</v>
      </c>
      <c r="F838" s="276" t="s">
        <v>3658</v>
      </c>
      <c r="G838" s="293">
        <v>7000</v>
      </c>
      <c r="H838" s="293">
        <v>7000</v>
      </c>
      <c r="I838" s="276" t="s">
        <v>611</v>
      </c>
      <c r="J838" s="302"/>
    </row>
    <row r="839" spans="1:10" x14ac:dyDescent="0.25">
      <c r="A839" s="56" t="s">
        <v>1922</v>
      </c>
      <c r="B839" s="211">
        <v>45894</v>
      </c>
      <c r="C839" s="122" t="s">
        <v>1923</v>
      </c>
      <c r="D839" s="123" t="s">
        <v>1924</v>
      </c>
      <c r="E839" s="150">
        <v>30794536</v>
      </c>
      <c r="F839" s="10" t="s">
        <v>1925</v>
      </c>
      <c r="G839" s="12">
        <v>359.78</v>
      </c>
      <c r="H839" s="12">
        <v>359.78</v>
      </c>
      <c r="I839" s="11" t="s">
        <v>1926</v>
      </c>
      <c r="J839" s="11"/>
    </row>
    <row r="840" spans="1:10" x14ac:dyDescent="0.25">
      <c r="A840" s="290" t="s">
        <v>1927</v>
      </c>
      <c r="B840" s="277">
        <v>45894</v>
      </c>
      <c r="C840" s="310" t="s">
        <v>1928</v>
      </c>
      <c r="D840" s="311" t="s">
        <v>1929</v>
      </c>
      <c r="E840" s="312">
        <v>48076571</v>
      </c>
      <c r="F840" s="276" t="s">
        <v>1930</v>
      </c>
      <c r="G840" s="320">
        <v>8254.94</v>
      </c>
      <c r="H840" s="320">
        <v>8254.94</v>
      </c>
      <c r="I840" s="11"/>
      <c r="J840" s="11">
        <v>1612025</v>
      </c>
    </row>
    <row r="841" spans="1:10" x14ac:dyDescent="0.25">
      <c r="A841" s="290" t="s">
        <v>3642</v>
      </c>
      <c r="B841" s="296">
        <v>45755</v>
      </c>
      <c r="C841" s="291" t="s">
        <v>73</v>
      </c>
      <c r="D841" s="313" t="s">
        <v>74</v>
      </c>
      <c r="E841" s="314">
        <v>35763469</v>
      </c>
      <c r="F841" s="313" t="s">
        <v>3643</v>
      </c>
      <c r="G841" s="320">
        <v>249.22</v>
      </c>
      <c r="H841" s="320">
        <v>306.54000000000002</v>
      </c>
      <c r="I841" s="11"/>
      <c r="J841" s="11"/>
    </row>
    <row r="842" spans="1:10" x14ac:dyDescent="0.25">
      <c r="A842" s="56" t="s">
        <v>1931</v>
      </c>
      <c r="B842" s="211">
        <v>45772</v>
      </c>
      <c r="C842" s="122" t="s">
        <v>1932</v>
      </c>
      <c r="D842" s="123" t="s">
        <v>1933</v>
      </c>
      <c r="E842" s="150">
        <v>30845572</v>
      </c>
      <c r="F842" s="10" t="s">
        <v>1934</v>
      </c>
      <c r="G842" s="12">
        <v>982.51</v>
      </c>
      <c r="H842" s="12">
        <v>982.51</v>
      </c>
      <c r="I842" s="11"/>
      <c r="J842" s="11"/>
    </row>
    <row r="843" spans="1:10" x14ac:dyDescent="0.25">
      <c r="A843" s="56" t="s">
        <v>1935</v>
      </c>
      <c r="B843" s="211">
        <v>45782</v>
      </c>
      <c r="C843" s="122" t="s">
        <v>1932</v>
      </c>
      <c r="D843" s="123" t="s">
        <v>1933</v>
      </c>
      <c r="E843" s="150">
        <v>30845572</v>
      </c>
      <c r="F843" s="10" t="s">
        <v>1936</v>
      </c>
      <c r="G843" s="12">
        <v>91.75</v>
      </c>
      <c r="H843" s="12">
        <v>91.75</v>
      </c>
      <c r="I843" s="11" t="s">
        <v>1937</v>
      </c>
      <c r="J843" s="11"/>
    </row>
    <row r="844" spans="1:10" x14ac:dyDescent="0.25">
      <c r="A844" s="56" t="s">
        <v>1938</v>
      </c>
      <c r="B844" s="211">
        <v>45835</v>
      </c>
      <c r="C844" s="122" t="s">
        <v>1939</v>
      </c>
      <c r="D844" s="123" t="s">
        <v>1940</v>
      </c>
      <c r="E844" s="124">
        <v>30416094</v>
      </c>
      <c r="F844" s="10" t="s">
        <v>1941</v>
      </c>
      <c r="G844" s="12">
        <v>1592</v>
      </c>
      <c r="H844" s="12">
        <v>1592</v>
      </c>
      <c r="I844" s="11" t="s">
        <v>1942</v>
      </c>
      <c r="J844" s="11"/>
    </row>
    <row r="845" spans="1:10" x14ac:dyDescent="0.25">
      <c r="A845" s="56" t="s">
        <v>1943</v>
      </c>
      <c r="B845" s="211">
        <v>45835</v>
      </c>
      <c r="C845" s="122" t="s">
        <v>1939</v>
      </c>
      <c r="D845" s="123" t="s">
        <v>1940</v>
      </c>
      <c r="E845" s="124">
        <v>30416094</v>
      </c>
      <c r="F845" s="10" t="s">
        <v>1944</v>
      </c>
      <c r="G845" s="12">
        <v>1592</v>
      </c>
      <c r="H845" s="12">
        <v>1592</v>
      </c>
      <c r="I845" s="11" t="s">
        <v>1942</v>
      </c>
      <c r="J845" s="11"/>
    </row>
    <row r="846" spans="1:10" x14ac:dyDescent="0.25">
      <c r="A846" s="10" t="s">
        <v>1945</v>
      </c>
      <c r="B846" s="211">
        <v>45835</v>
      </c>
      <c r="C846" s="122" t="s">
        <v>1939</v>
      </c>
      <c r="D846" s="123" t="s">
        <v>1940</v>
      </c>
      <c r="E846" s="124">
        <v>30416094</v>
      </c>
      <c r="F846" s="10" t="s">
        <v>1946</v>
      </c>
      <c r="G846" s="12">
        <v>1592</v>
      </c>
      <c r="H846" s="12">
        <v>1592</v>
      </c>
      <c r="I846" s="11" t="s">
        <v>1942</v>
      </c>
      <c r="J846" s="11"/>
    </row>
    <row r="847" spans="1:10" x14ac:dyDescent="0.25">
      <c r="A847" s="10" t="s">
        <v>1947</v>
      </c>
      <c r="B847" s="211">
        <v>45835</v>
      </c>
      <c r="C847" s="122" t="s">
        <v>1939</v>
      </c>
      <c r="D847" s="123" t="s">
        <v>1940</v>
      </c>
      <c r="E847" s="124">
        <v>30416094</v>
      </c>
      <c r="F847" s="10" t="s">
        <v>1948</v>
      </c>
      <c r="G847" s="12">
        <v>12.34</v>
      </c>
      <c r="H847" s="12">
        <v>12.34</v>
      </c>
      <c r="I847" s="11" t="s">
        <v>1942</v>
      </c>
      <c r="J847" s="11"/>
    </row>
    <row r="848" spans="1:10" x14ac:dyDescent="0.25">
      <c r="A848" s="10" t="s">
        <v>1949</v>
      </c>
      <c r="B848" s="211">
        <v>45835</v>
      </c>
      <c r="C848" s="122" t="s">
        <v>1939</v>
      </c>
      <c r="D848" s="123" t="s">
        <v>1940</v>
      </c>
      <c r="E848" s="124">
        <v>30416094</v>
      </c>
      <c r="F848" s="10" t="s">
        <v>1950</v>
      </c>
      <c r="G848" s="12">
        <v>12.87</v>
      </c>
      <c r="H848" s="12">
        <v>12.87</v>
      </c>
      <c r="I848" s="11" t="s">
        <v>1942</v>
      </c>
      <c r="J848" s="11"/>
    </row>
    <row r="849" spans="1:10" x14ac:dyDescent="0.25">
      <c r="A849" s="10" t="s">
        <v>1951</v>
      </c>
      <c r="B849" s="211">
        <v>45835</v>
      </c>
      <c r="C849" s="122" t="s">
        <v>1939</v>
      </c>
      <c r="D849" s="123" t="s">
        <v>1940</v>
      </c>
      <c r="E849" s="124">
        <v>30416094</v>
      </c>
      <c r="F849" s="10" t="s">
        <v>1952</v>
      </c>
      <c r="G849" s="12">
        <v>13.62</v>
      </c>
      <c r="H849" s="12">
        <v>13.62</v>
      </c>
      <c r="I849" s="11" t="s">
        <v>1942</v>
      </c>
      <c r="J849" s="11"/>
    </row>
    <row r="850" spans="1:10" x14ac:dyDescent="0.25">
      <c r="A850" s="10" t="s">
        <v>1953</v>
      </c>
      <c r="B850" s="211">
        <v>45835</v>
      </c>
      <c r="C850" s="122" t="s">
        <v>1939</v>
      </c>
      <c r="D850" s="123" t="s">
        <v>1940</v>
      </c>
      <c r="E850" s="124">
        <v>30416094</v>
      </c>
      <c r="F850" s="10" t="s">
        <v>1954</v>
      </c>
      <c r="G850" s="12">
        <v>1592</v>
      </c>
      <c r="H850" s="12">
        <v>1592</v>
      </c>
      <c r="I850" s="11" t="s">
        <v>1942</v>
      </c>
      <c r="J850" s="11"/>
    </row>
    <row r="851" spans="1:10" x14ac:dyDescent="0.25">
      <c r="A851" s="10" t="s">
        <v>1955</v>
      </c>
      <c r="B851" s="211">
        <v>45835</v>
      </c>
      <c r="C851" s="125" t="s">
        <v>1939</v>
      </c>
      <c r="D851" s="123" t="s">
        <v>1940</v>
      </c>
      <c r="E851" s="124">
        <v>30416094</v>
      </c>
      <c r="F851" s="10" t="s">
        <v>1956</v>
      </c>
      <c r="G851" s="15">
        <v>1592</v>
      </c>
      <c r="H851" s="15">
        <v>1592</v>
      </c>
      <c r="I851" s="11" t="s">
        <v>1942</v>
      </c>
      <c r="J851" s="116"/>
    </row>
    <row r="852" spans="1:10" x14ac:dyDescent="0.25">
      <c r="A852" s="10" t="s">
        <v>1957</v>
      </c>
      <c r="B852" s="211">
        <v>45835</v>
      </c>
      <c r="C852" s="98" t="s">
        <v>1939</v>
      </c>
      <c r="D852" s="10" t="s">
        <v>1940</v>
      </c>
      <c r="E852" s="107">
        <v>30416094</v>
      </c>
      <c r="F852" s="10" t="s">
        <v>1958</v>
      </c>
      <c r="G852" s="12">
        <v>12.26</v>
      </c>
      <c r="H852" s="12">
        <v>12.26</v>
      </c>
      <c r="I852" s="22" t="s">
        <v>1942</v>
      </c>
      <c r="J852" s="11"/>
    </row>
    <row r="853" spans="1:10" x14ac:dyDescent="0.25">
      <c r="A853" s="10" t="s">
        <v>1959</v>
      </c>
      <c r="B853" s="211">
        <v>45835</v>
      </c>
      <c r="C853" s="90" t="s">
        <v>1939</v>
      </c>
      <c r="D853" s="10" t="s">
        <v>1940</v>
      </c>
      <c r="E853" s="107">
        <v>30416094</v>
      </c>
      <c r="F853" s="10" t="s">
        <v>1960</v>
      </c>
      <c r="G853" s="12">
        <v>1592</v>
      </c>
      <c r="H853" s="12">
        <v>1592</v>
      </c>
      <c r="I853" s="11" t="s">
        <v>1942</v>
      </c>
      <c r="J853" s="11"/>
    </row>
    <row r="854" spans="1:10" x14ac:dyDescent="0.25">
      <c r="A854" s="10" t="s">
        <v>1961</v>
      </c>
      <c r="B854" s="211">
        <v>45841</v>
      </c>
      <c r="C854" s="90" t="s">
        <v>1939</v>
      </c>
      <c r="D854" s="10" t="s">
        <v>1940</v>
      </c>
      <c r="E854" s="107">
        <v>30416094</v>
      </c>
      <c r="F854" s="10" t="s">
        <v>1962</v>
      </c>
      <c r="G854" s="12">
        <v>1592</v>
      </c>
      <c r="H854" s="12">
        <v>1592</v>
      </c>
      <c r="I854" s="11" t="s">
        <v>1942</v>
      </c>
      <c r="J854" s="11"/>
    </row>
    <row r="855" spans="1:10" x14ac:dyDescent="0.25">
      <c r="A855" s="10" t="s">
        <v>1963</v>
      </c>
      <c r="B855" s="211">
        <v>45855</v>
      </c>
      <c r="C855" s="90" t="s">
        <v>1939</v>
      </c>
      <c r="D855" s="10" t="s">
        <v>1940</v>
      </c>
      <c r="E855" s="107">
        <v>30416094</v>
      </c>
      <c r="F855" s="10" t="s">
        <v>1964</v>
      </c>
      <c r="G855" s="12">
        <v>12.26</v>
      </c>
      <c r="H855" s="12">
        <v>12.26</v>
      </c>
      <c r="I855" s="11" t="s">
        <v>1942</v>
      </c>
      <c r="J855" s="147"/>
    </row>
    <row r="856" spans="1:10" x14ac:dyDescent="0.25">
      <c r="A856" s="10" t="s">
        <v>1965</v>
      </c>
      <c r="B856" s="211">
        <v>45855</v>
      </c>
      <c r="C856" s="90" t="s">
        <v>1939</v>
      </c>
      <c r="D856" s="10" t="s">
        <v>1940</v>
      </c>
      <c r="E856" s="107">
        <v>30416094</v>
      </c>
      <c r="F856" s="10" t="s">
        <v>1966</v>
      </c>
      <c r="G856" s="12">
        <v>12.58</v>
      </c>
      <c r="H856" s="12">
        <v>12.58</v>
      </c>
      <c r="I856" s="11" t="s">
        <v>1942</v>
      </c>
      <c r="J856" s="11"/>
    </row>
    <row r="857" spans="1:10" x14ac:dyDescent="0.25">
      <c r="A857" s="10" t="s">
        <v>1967</v>
      </c>
      <c r="B857" s="211">
        <v>45880</v>
      </c>
      <c r="C857" s="90" t="s">
        <v>1939</v>
      </c>
      <c r="D857" s="10" t="s">
        <v>1940</v>
      </c>
      <c r="E857" s="107">
        <v>30416094</v>
      </c>
      <c r="F857" s="10" t="s">
        <v>1968</v>
      </c>
      <c r="G857" s="12">
        <v>12.26</v>
      </c>
      <c r="H857" s="12">
        <v>12.26</v>
      </c>
      <c r="I857" s="11" t="s">
        <v>1942</v>
      </c>
      <c r="J857" s="11"/>
    </row>
    <row r="858" spans="1:10" x14ac:dyDescent="0.25">
      <c r="A858" s="10" t="s">
        <v>1969</v>
      </c>
      <c r="B858" s="211">
        <v>45901</v>
      </c>
      <c r="C858" s="90" t="s">
        <v>1727</v>
      </c>
      <c r="D858" s="11" t="s">
        <v>473</v>
      </c>
      <c r="E858" s="146">
        <v>31567282</v>
      </c>
      <c r="F858" s="10" t="s">
        <v>1970</v>
      </c>
      <c r="G858" s="12">
        <v>2600</v>
      </c>
      <c r="H858" s="12">
        <v>3198</v>
      </c>
      <c r="I858" s="11" t="s">
        <v>475</v>
      </c>
      <c r="J858" s="11" t="s">
        <v>1971</v>
      </c>
    </row>
    <row r="859" spans="1:10" x14ac:dyDescent="0.25">
      <c r="A859" s="10" t="s">
        <v>1972</v>
      </c>
      <c r="B859" s="212">
        <v>45896</v>
      </c>
      <c r="C859" s="88" t="s">
        <v>302</v>
      </c>
      <c r="D859" s="33" t="s">
        <v>1691</v>
      </c>
      <c r="E859" s="101">
        <v>42156424</v>
      </c>
      <c r="F859" s="33" t="s">
        <v>1692</v>
      </c>
      <c r="G859" s="8">
        <v>1.6</v>
      </c>
      <c r="H859" s="8">
        <v>1.97</v>
      </c>
      <c r="I859" s="6"/>
      <c r="J859" s="6">
        <v>2132025</v>
      </c>
    </row>
    <row r="860" spans="1:10" x14ac:dyDescent="0.25">
      <c r="A860" s="10" t="s">
        <v>1973</v>
      </c>
      <c r="B860" s="212">
        <v>45896</v>
      </c>
      <c r="C860" s="88" t="s">
        <v>302</v>
      </c>
      <c r="D860" s="33" t="s">
        <v>1691</v>
      </c>
      <c r="E860" s="101">
        <v>42156424</v>
      </c>
      <c r="F860" s="33" t="s">
        <v>1974</v>
      </c>
      <c r="G860" s="8">
        <v>24</v>
      </c>
      <c r="H860" s="8">
        <v>29.52</v>
      </c>
      <c r="I860" s="6"/>
      <c r="J860" s="6">
        <v>2132025</v>
      </c>
    </row>
    <row r="861" spans="1:10" x14ac:dyDescent="0.25">
      <c r="A861" s="10" t="s">
        <v>1975</v>
      </c>
      <c r="B861" s="211">
        <v>45895</v>
      </c>
      <c r="C861" s="90" t="s">
        <v>1913</v>
      </c>
      <c r="D861" s="33" t="s">
        <v>1914</v>
      </c>
      <c r="E861" s="101">
        <v>35819081</v>
      </c>
      <c r="F861" s="33" t="s">
        <v>1976</v>
      </c>
      <c r="G861" s="8">
        <v>623.28</v>
      </c>
      <c r="H861" s="8">
        <v>766.63</v>
      </c>
      <c r="I861" s="11" t="s">
        <v>1916</v>
      </c>
      <c r="J861" s="6">
        <v>1912025</v>
      </c>
    </row>
    <row r="862" spans="1:10" x14ac:dyDescent="0.25">
      <c r="A862" s="10" t="s">
        <v>1977</v>
      </c>
      <c r="B862" s="211">
        <v>45895</v>
      </c>
      <c r="C862" s="90" t="s">
        <v>680</v>
      </c>
      <c r="D862" s="6" t="s">
        <v>681</v>
      </c>
      <c r="E862" s="101">
        <v>36679879</v>
      </c>
      <c r="F862" s="6" t="s">
        <v>1978</v>
      </c>
      <c r="G862" s="8">
        <v>320</v>
      </c>
      <c r="H862" s="8">
        <v>393.6</v>
      </c>
      <c r="I862" s="13"/>
      <c r="J862" s="11">
        <v>1282025</v>
      </c>
    </row>
    <row r="863" spans="1:10" x14ac:dyDescent="0.25">
      <c r="A863" s="10" t="s">
        <v>1979</v>
      </c>
      <c r="B863" s="211">
        <v>45901</v>
      </c>
      <c r="C863" s="90" t="s">
        <v>68</v>
      </c>
      <c r="D863" s="19" t="s">
        <v>771</v>
      </c>
      <c r="E863" s="120">
        <v>51906988</v>
      </c>
      <c r="F863" s="17" t="s">
        <v>1980</v>
      </c>
      <c r="G863" s="12">
        <v>882.08</v>
      </c>
      <c r="H863" s="12">
        <v>1084.96</v>
      </c>
      <c r="I863" s="11" t="s">
        <v>71</v>
      </c>
      <c r="J863" s="11"/>
    </row>
    <row r="864" spans="1:10" x14ac:dyDescent="0.25">
      <c r="A864" s="10" t="s">
        <v>1981</v>
      </c>
      <c r="B864" s="211">
        <v>45901</v>
      </c>
      <c r="C864" s="88" t="s">
        <v>134</v>
      </c>
      <c r="D864" s="16" t="s">
        <v>135</v>
      </c>
      <c r="E864" s="102">
        <v>35889063</v>
      </c>
      <c r="F864" s="16" t="s">
        <v>1982</v>
      </c>
      <c r="G864" s="8">
        <v>100</v>
      </c>
      <c r="H864" s="8">
        <v>100</v>
      </c>
      <c r="I864" s="80" t="s">
        <v>1341</v>
      </c>
      <c r="J864" s="6"/>
    </row>
    <row r="865" spans="1:10" x14ac:dyDescent="0.25">
      <c r="A865" s="10" t="s">
        <v>1983</v>
      </c>
      <c r="B865" s="211">
        <v>45902</v>
      </c>
      <c r="C865" s="88" t="s">
        <v>1840</v>
      </c>
      <c r="D865" s="33" t="s">
        <v>1841</v>
      </c>
      <c r="E865" s="101">
        <v>36459925</v>
      </c>
      <c r="F865" s="33" t="s">
        <v>1984</v>
      </c>
      <c r="G865" s="12">
        <v>143.9</v>
      </c>
      <c r="H865" s="12">
        <v>177</v>
      </c>
      <c r="I865" s="11"/>
      <c r="J865" s="11">
        <v>2142025</v>
      </c>
    </row>
    <row r="866" spans="1:10" x14ac:dyDescent="0.25">
      <c r="A866" s="10" t="s">
        <v>1985</v>
      </c>
      <c r="B866" s="212">
        <v>45902</v>
      </c>
      <c r="C866" s="88" t="s">
        <v>148</v>
      </c>
      <c r="D866" s="33" t="s">
        <v>365</v>
      </c>
      <c r="E866" s="101">
        <v>53227514</v>
      </c>
      <c r="F866" s="19" t="s">
        <v>1986</v>
      </c>
      <c r="G866" s="12">
        <v>2500</v>
      </c>
      <c r="H866" s="8">
        <v>3075</v>
      </c>
      <c r="I866" s="6" t="s">
        <v>151</v>
      </c>
      <c r="J866" s="6"/>
    </row>
    <row r="867" spans="1:10" x14ac:dyDescent="0.25">
      <c r="A867" s="10" t="s">
        <v>1987</v>
      </c>
      <c r="B867" s="211">
        <v>45901</v>
      </c>
      <c r="C867" s="90" t="s">
        <v>774</v>
      </c>
      <c r="D867" s="10" t="s">
        <v>775</v>
      </c>
      <c r="E867" s="103">
        <v>36857165</v>
      </c>
      <c r="F867" s="10" t="s">
        <v>1988</v>
      </c>
      <c r="G867" s="12">
        <v>4.99</v>
      </c>
      <c r="H867" s="12">
        <v>6.14</v>
      </c>
      <c r="I867" s="11" t="s">
        <v>1789</v>
      </c>
      <c r="J867" s="11"/>
    </row>
    <row r="868" spans="1:10" x14ac:dyDescent="0.25">
      <c r="A868" s="10" t="s">
        <v>1989</v>
      </c>
      <c r="B868" s="212">
        <v>45902</v>
      </c>
      <c r="C868" s="88" t="s">
        <v>148</v>
      </c>
      <c r="D868" s="23" t="s">
        <v>365</v>
      </c>
      <c r="E868" s="105">
        <v>53227514</v>
      </c>
      <c r="F868" s="19" t="s">
        <v>1990</v>
      </c>
      <c r="G868" s="12">
        <v>15394</v>
      </c>
      <c r="H868" s="8">
        <v>16624</v>
      </c>
      <c r="I868" s="6" t="s">
        <v>151</v>
      </c>
      <c r="J868" s="6"/>
    </row>
    <row r="869" spans="1:10" x14ac:dyDescent="0.25">
      <c r="A869" s="10" t="s">
        <v>1991</v>
      </c>
      <c r="B869" s="212">
        <v>45901</v>
      </c>
      <c r="C869" s="88" t="s">
        <v>127</v>
      </c>
      <c r="D869" s="16" t="s">
        <v>128</v>
      </c>
      <c r="E869" s="102">
        <v>36795135</v>
      </c>
      <c r="F869" s="126" t="s">
        <v>1992</v>
      </c>
      <c r="G869" s="18">
        <v>2142.4</v>
      </c>
      <c r="H869" s="18">
        <v>2619.73</v>
      </c>
      <c r="I869" s="9" t="s">
        <v>130</v>
      </c>
      <c r="J869" s="16"/>
    </row>
    <row r="870" spans="1:10" x14ac:dyDescent="0.25">
      <c r="A870" s="10" t="s">
        <v>1993</v>
      </c>
      <c r="B870" s="212">
        <v>45901</v>
      </c>
      <c r="C870" s="96" t="s">
        <v>127</v>
      </c>
      <c r="D870" s="6" t="s">
        <v>128</v>
      </c>
      <c r="E870" s="113">
        <v>36795135</v>
      </c>
      <c r="F870" s="168" t="s">
        <v>1994</v>
      </c>
      <c r="G870" s="322">
        <v>6648.86</v>
      </c>
      <c r="H870" s="8">
        <v>6648.86</v>
      </c>
      <c r="I870" s="9" t="s">
        <v>963</v>
      </c>
      <c r="J870" s="6"/>
    </row>
    <row r="871" spans="1:10" x14ac:dyDescent="0.25">
      <c r="A871" s="10" t="s">
        <v>1995</v>
      </c>
      <c r="B871" s="212">
        <v>45901</v>
      </c>
      <c r="C871" s="93" t="s">
        <v>127</v>
      </c>
      <c r="D871" s="16" t="s">
        <v>128</v>
      </c>
      <c r="E871" s="102">
        <v>36795135</v>
      </c>
      <c r="F871" s="37" t="s">
        <v>1996</v>
      </c>
      <c r="G871" s="8">
        <v>754.2</v>
      </c>
      <c r="H871" s="8">
        <v>927.67</v>
      </c>
      <c r="I871" s="9" t="s">
        <v>968</v>
      </c>
      <c r="J871" s="6"/>
    </row>
    <row r="872" spans="1:10" x14ac:dyDescent="0.25">
      <c r="A872" s="10" t="s">
        <v>1997</v>
      </c>
      <c r="B872" s="212">
        <v>45902</v>
      </c>
      <c r="C872" s="88" t="s">
        <v>139</v>
      </c>
      <c r="D872" s="33" t="s">
        <v>140</v>
      </c>
      <c r="E872" s="101">
        <v>47235713</v>
      </c>
      <c r="F872" s="16" t="s">
        <v>1998</v>
      </c>
      <c r="G872" s="8">
        <v>20</v>
      </c>
      <c r="H872" s="8">
        <v>24.6</v>
      </c>
      <c r="I872" s="6" t="s">
        <v>1999</v>
      </c>
      <c r="J872" s="6"/>
    </row>
    <row r="873" spans="1:10" x14ac:dyDescent="0.25">
      <c r="A873" s="10" t="s">
        <v>2000</v>
      </c>
      <c r="B873" s="212">
        <v>45902</v>
      </c>
      <c r="C873" s="88" t="s">
        <v>139</v>
      </c>
      <c r="D873" s="33" t="s">
        <v>140</v>
      </c>
      <c r="E873" s="101">
        <v>47235713</v>
      </c>
      <c r="F873" s="6" t="s">
        <v>2001</v>
      </c>
      <c r="G873" s="8">
        <v>1747.6</v>
      </c>
      <c r="H873" s="8">
        <v>2149.5500000000002</v>
      </c>
      <c r="I873" s="6" t="s">
        <v>1999</v>
      </c>
      <c r="J873" s="6"/>
    </row>
    <row r="874" spans="1:10" x14ac:dyDescent="0.25">
      <c r="A874" s="10" t="s">
        <v>2002</v>
      </c>
      <c r="B874" s="212">
        <v>45902</v>
      </c>
      <c r="C874" s="88" t="s">
        <v>139</v>
      </c>
      <c r="D874" s="33" t="s">
        <v>140</v>
      </c>
      <c r="E874" s="101">
        <v>47235713</v>
      </c>
      <c r="F874" s="16" t="s">
        <v>2003</v>
      </c>
      <c r="G874" s="8">
        <v>26336.080000000002</v>
      </c>
      <c r="H874" s="8">
        <v>27188.81</v>
      </c>
      <c r="I874" s="6" t="s">
        <v>1999</v>
      </c>
      <c r="J874" s="6"/>
    </row>
    <row r="875" spans="1:10" x14ac:dyDescent="0.25">
      <c r="A875" s="10" t="s">
        <v>2004</v>
      </c>
      <c r="B875" s="212">
        <v>45902</v>
      </c>
      <c r="C875" s="88" t="s">
        <v>139</v>
      </c>
      <c r="D875" s="33" t="s">
        <v>140</v>
      </c>
      <c r="E875" s="101">
        <v>47235713</v>
      </c>
      <c r="F875" s="16" t="s">
        <v>2005</v>
      </c>
      <c r="G875" s="8">
        <v>6434.5</v>
      </c>
      <c r="H875" s="8">
        <v>7914.44</v>
      </c>
      <c r="I875" s="6" t="s">
        <v>1999</v>
      </c>
      <c r="J875" s="6"/>
    </row>
    <row r="876" spans="1:10" x14ac:dyDescent="0.25">
      <c r="A876" s="10" t="s">
        <v>2006</v>
      </c>
      <c r="B876" s="211">
        <v>45903</v>
      </c>
      <c r="C876" s="90" t="s">
        <v>63</v>
      </c>
      <c r="D876" s="17" t="s">
        <v>64</v>
      </c>
      <c r="E876" s="107">
        <v>35872900</v>
      </c>
      <c r="F876" s="10" t="s">
        <v>2007</v>
      </c>
      <c r="G876" s="12">
        <v>1000</v>
      </c>
      <c r="H876" s="12">
        <v>1230</v>
      </c>
      <c r="I876" s="11" t="s">
        <v>1795</v>
      </c>
      <c r="J876" s="17">
        <v>1812025</v>
      </c>
    </row>
    <row r="877" spans="1:10" x14ac:dyDescent="0.25">
      <c r="A877" s="14" t="s">
        <v>2008</v>
      </c>
      <c r="B877" s="211">
        <v>45903</v>
      </c>
      <c r="C877" s="90" t="s">
        <v>81</v>
      </c>
      <c r="D877" s="16" t="s">
        <v>82</v>
      </c>
      <c r="E877" s="102">
        <v>35697270</v>
      </c>
      <c r="F877" s="93" t="s">
        <v>2009</v>
      </c>
      <c r="G877" s="18">
        <v>12.99</v>
      </c>
      <c r="H877" s="18">
        <v>15.98</v>
      </c>
      <c r="I877" s="62" t="s">
        <v>84</v>
      </c>
      <c r="J877" s="16"/>
    </row>
    <row r="878" spans="1:10" x14ac:dyDescent="0.25">
      <c r="A878" s="10" t="s">
        <v>2010</v>
      </c>
      <c r="B878" s="211">
        <v>45903</v>
      </c>
      <c r="C878" s="88" t="s">
        <v>81</v>
      </c>
      <c r="D878" s="16" t="s">
        <v>82</v>
      </c>
      <c r="E878" s="102">
        <v>35697270</v>
      </c>
      <c r="F878" s="16" t="s">
        <v>2011</v>
      </c>
      <c r="G878" s="8">
        <v>4.08</v>
      </c>
      <c r="H878" s="8">
        <v>5.0199999999999996</v>
      </c>
      <c r="I878" s="80" t="s">
        <v>84</v>
      </c>
      <c r="J878" s="6"/>
    </row>
    <row r="879" spans="1:10" x14ac:dyDescent="0.25">
      <c r="A879" s="10" t="s">
        <v>2012</v>
      </c>
      <c r="B879" s="211">
        <v>45903</v>
      </c>
      <c r="C879" s="88" t="s">
        <v>81</v>
      </c>
      <c r="D879" s="16" t="s">
        <v>82</v>
      </c>
      <c r="E879" s="102">
        <v>35697270</v>
      </c>
      <c r="F879" s="16" t="s">
        <v>2013</v>
      </c>
      <c r="G879" s="8">
        <v>4.08</v>
      </c>
      <c r="H879" s="8">
        <v>5.0199999999999996</v>
      </c>
      <c r="I879" s="6" t="s">
        <v>84</v>
      </c>
      <c r="J879" s="6"/>
    </row>
    <row r="880" spans="1:10" x14ac:dyDescent="0.25">
      <c r="A880" s="10" t="s">
        <v>2014</v>
      </c>
      <c r="B880" s="212">
        <v>45902</v>
      </c>
      <c r="C880" s="93" t="s">
        <v>44</v>
      </c>
      <c r="D880" s="16" t="s">
        <v>45</v>
      </c>
      <c r="E880" s="102">
        <v>35731851</v>
      </c>
      <c r="F880" s="16" t="s">
        <v>2015</v>
      </c>
      <c r="G880" s="18">
        <v>350</v>
      </c>
      <c r="H880" s="18">
        <v>430.5</v>
      </c>
      <c r="I880" s="80" t="s">
        <v>47</v>
      </c>
      <c r="J880" s="16">
        <v>1792024</v>
      </c>
    </row>
    <row r="881" spans="1:10" x14ac:dyDescent="0.25">
      <c r="A881" s="10" t="s">
        <v>2016</v>
      </c>
      <c r="B881" s="212">
        <v>45902</v>
      </c>
      <c r="C881" s="93" t="s">
        <v>44</v>
      </c>
      <c r="D881" s="16" t="s">
        <v>45</v>
      </c>
      <c r="E881" s="102">
        <v>35731851</v>
      </c>
      <c r="F881" s="16" t="s">
        <v>2017</v>
      </c>
      <c r="G881" s="18">
        <v>350</v>
      </c>
      <c r="H881" s="18">
        <v>430.5</v>
      </c>
      <c r="I881" s="80" t="s">
        <v>47</v>
      </c>
      <c r="J881" s="16">
        <v>1792024</v>
      </c>
    </row>
    <row r="882" spans="1:10" x14ac:dyDescent="0.25">
      <c r="A882" s="10" t="s">
        <v>2018</v>
      </c>
      <c r="B882" s="212">
        <v>45902</v>
      </c>
      <c r="C882" s="93" t="s">
        <v>44</v>
      </c>
      <c r="D882" s="16" t="s">
        <v>45</v>
      </c>
      <c r="E882" s="102">
        <v>35731851</v>
      </c>
      <c r="F882" s="16" t="s">
        <v>2019</v>
      </c>
      <c r="G882" s="18">
        <v>350</v>
      </c>
      <c r="H882" s="18">
        <v>430.5</v>
      </c>
      <c r="I882" s="80" t="s">
        <v>47</v>
      </c>
      <c r="J882" s="16">
        <v>1792024</v>
      </c>
    </row>
    <row r="883" spans="1:10" x14ac:dyDescent="0.25">
      <c r="A883" s="10" t="s">
        <v>2020</v>
      </c>
      <c r="B883" s="212">
        <v>45902</v>
      </c>
      <c r="C883" s="93" t="s">
        <v>44</v>
      </c>
      <c r="D883" s="16" t="s">
        <v>45</v>
      </c>
      <c r="E883" s="102">
        <v>35731851</v>
      </c>
      <c r="F883" s="16" t="s">
        <v>2021</v>
      </c>
      <c r="G883" s="18">
        <v>350</v>
      </c>
      <c r="H883" s="18">
        <v>430.5</v>
      </c>
      <c r="I883" s="80" t="s">
        <v>47</v>
      </c>
      <c r="J883" s="16">
        <v>1792024</v>
      </c>
    </row>
    <row r="884" spans="1:10" x14ac:dyDescent="0.25">
      <c r="A884" s="10" t="s">
        <v>2022</v>
      </c>
      <c r="B884" s="212">
        <v>45902</v>
      </c>
      <c r="C884" s="93" t="s">
        <v>44</v>
      </c>
      <c r="D884" s="16" t="s">
        <v>45</v>
      </c>
      <c r="E884" s="108">
        <v>35731851</v>
      </c>
      <c r="F884" s="16" t="s">
        <v>2023</v>
      </c>
      <c r="G884" s="18">
        <v>350</v>
      </c>
      <c r="H884" s="18">
        <v>430.5</v>
      </c>
      <c r="I884" s="80" t="s">
        <v>47</v>
      </c>
      <c r="J884" s="16">
        <v>1792024</v>
      </c>
    </row>
    <row r="885" spans="1:10" x14ac:dyDescent="0.25">
      <c r="A885" s="10" t="s">
        <v>2024</v>
      </c>
      <c r="B885" s="212">
        <v>45902</v>
      </c>
      <c r="C885" s="93" t="s">
        <v>44</v>
      </c>
      <c r="D885" s="16" t="s">
        <v>45</v>
      </c>
      <c r="E885" s="102">
        <v>35731851</v>
      </c>
      <c r="F885" s="264" t="s">
        <v>2025</v>
      </c>
      <c r="G885" s="18">
        <v>350</v>
      </c>
      <c r="H885" s="18">
        <v>430.5</v>
      </c>
      <c r="I885" s="80" t="s">
        <v>47</v>
      </c>
      <c r="J885" s="16">
        <v>1792024</v>
      </c>
    </row>
    <row r="886" spans="1:10" x14ac:dyDescent="0.25">
      <c r="A886" s="10" t="s">
        <v>2026</v>
      </c>
      <c r="B886" s="212">
        <v>45902</v>
      </c>
      <c r="C886" s="93" t="s">
        <v>44</v>
      </c>
      <c r="D886" s="16" t="s">
        <v>45</v>
      </c>
      <c r="E886" s="108">
        <v>35731851</v>
      </c>
      <c r="F886" s="16" t="s">
        <v>2027</v>
      </c>
      <c r="G886" s="18">
        <v>350</v>
      </c>
      <c r="H886" s="18">
        <v>430.5</v>
      </c>
      <c r="I886" s="80" t="s">
        <v>47</v>
      </c>
      <c r="J886" s="16">
        <v>1792024</v>
      </c>
    </row>
    <row r="887" spans="1:10" x14ac:dyDescent="0.25">
      <c r="A887" s="10" t="s">
        <v>2028</v>
      </c>
      <c r="B887" s="212">
        <v>45902</v>
      </c>
      <c r="C887" s="93" t="s">
        <v>44</v>
      </c>
      <c r="D887" s="16" t="s">
        <v>45</v>
      </c>
      <c r="E887" s="102">
        <v>35731851</v>
      </c>
      <c r="F887" s="16" t="s">
        <v>2029</v>
      </c>
      <c r="G887" s="18">
        <v>350</v>
      </c>
      <c r="H887" s="18">
        <v>430.5</v>
      </c>
      <c r="I887" s="80" t="s">
        <v>47</v>
      </c>
      <c r="J887" s="16">
        <v>1792024</v>
      </c>
    </row>
    <row r="888" spans="1:10" x14ac:dyDescent="0.25">
      <c r="A888" s="10" t="s">
        <v>2030</v>
      </c>
      <c r="B888" s="211">
        <v>45903</v>
      </c>
      <c r="C888" s="90" t="s">
        <v>117</v>
      </c>
      <c r="D888" s="16" t="s">
        <v>118</v>
      </c>
      <c r="E888" s="102">
        <v>46380434</v>
      </c>
      <c r="F888" s="16" t="s">
        <v>2031</v>
      </c>
      <c r="G888" s="8">
        <v>1045</v>
      </c>
      <c r="H888" s="8">
        <v>1285.3499999999999</v>
      </c>
      <c r="I888" s="80" t="s">
        <v>120</v>
      </c>
      <c r="J888" s="6"/>
    </row>
    <row r="889" spans="1:10" x14ac:dyDescent="0.25">
      <c r="A889" s="10" t="s">
        <v>2032</v>
      </c>
      <c r="B889" s="211">
        <v>45902</v>
      </c>
      <c r="C889" s="127" t="s">
        <v>2033</v>
      </c>
      <c r="D889" s="85" t="s">
        <v>1265</v>
      </c>
      <c r="E889" s="120">
        <v>35722533</v>
      </c>
      <c r="F889" s="85" t="s">
        <v>2034</v>
      </c>
      <c r="G889" s="20">
        <v>134000</v>
      </c>
      <c r="H889" s="20">
        <v>164820</v>
      </c>
      <c r="I889" s="19" t="s">
        <v>2035</v>
      </c>
      <c r="J889" s="19"/>
    </row>
    <row r="890" spans="1:10" x14ac:dyDescent="0.25">
      <c r="A890" s="10" t="s">
        <v>2036</v>
      </c>
      <c r="B890" s="211">
        <v>45902</v>
      </c>
      <c r="C890" s="90" t="s">
        <v>164</v>
      </c>
      <c r="D890" s="6" t="s">
        <v>165</v>
      </c>
      <c r="E890" s="101">
        <v>43799485</v>
      </c>
      <c r="F890" s="6" t="s">
        <v>2037</v>
      </c>
      <c r="G890" s="18">
        <v>3000</v>
      </c>
      <c r="H890" s="18">
        <v>3670</v>
      </c>
      <c r="I890" s="9" t="s">
        <v>167</v>
      </c>
      <c r="J890" s="6"/>
    </row>
    <row r="891" spans="1:10" x14ac:dyDescent="0.25">
      <c r="A891" s="10" t="s">
        <v>2038</v>
      </c>
      <c r="B891" s="211">
        <v>45902</v>
      </c>
      <c r="C891" s="88" t="s">
        <v>1533</v>
      </c>
      <c r="D891" s="16" t="s">
        <v>106</v>
      </c>
      <c r="E891" s="102">
        <v>31327681</v>
      </c>
      <c r="F891" s="33" t="s">
        <v>2039</v>
      </c>
      <c r="G891" s="8">
        <v>6364.81</v>
      </c>
      <c r="H891" s="8">
        <v>7828.72</v>
      </c>
      <c r="I891" s="6" t="s">
        <v>108</v>
      </c>
      <c r="J891" s="6">
        <v>142025</v>
      </c>
    </row>
    <row r="892" spans="1:10" x14ac:dyDescent="0.25">
      <c r="A892" s="10" t="s">
        <v>2040</v>
      </c>
      <c r="B892" s="211">
        <v>45902</v>
      </c>
      <c r="C892" s="90" t="s">
        <v>164</v>
      </c>
      <c r="D892" s="6" t="s">
        <v>165</v>
      </c>
      <c r="E892" s="101">
        <v>43799485</v>
      </c>
      <c r="F892" s="6" t="s">
        <v>2041</v>
      </c>
      <c r="G892" s="18">
        <v>17868.330000000002</v>
      </c>
      <c r="H892" s="18">
        <v>18006.330000000002</v>
      </c>
      <c r="I892" s="9" t="s">
        <v>167</v>
      </c>
      <c r="J892" s="6"/>
    </row>
    <row r="893" spans="1:10" x14ac:dyDescent="0.25">
      <c r="A893" s="10" t="s">
        <v>2042</v>
      </c>
      <c r="B893" s="211">
        <v>45902</v>
      </c>
      <c r="C893" s="90" t="s">
        <v>720</v>
      </c>
      <c r="D893" s="23" t="s">
        <v>721</v>
      </c>
      <c r="E893" s="105">
        <v>30223288</v>
      </c>
      <c r="F893" s="33" t="s">
        <v>2043</v>
      </c>
      <c r="G893" s="8">
        <v>625.91999999999996</v>
      </c>
      <c r="H893" s="8">
        <v>769.88</v>
      </c>
      <c r="I893" s="11" t="s">
        <v>723</v>
      </c>
      <c r="J893" s="6">
        <v>1952025</v>
      </c>
    </row>
    <row r="894" spans="1:10" x14ac:dyDescent="0.25">
      <c r="A894" s="10" t="s">
        <v>2044</v>
      </c>
      <c r="B894" s="211">
        <v>45904</v>
      </c>
      <c r="C894" s="90" t="s">
        <v>2033</v>
      </c>
      <c r="D894" s="10" t="s">
        <v>1265</v>
      </c>
      <c r="E894" s="107">
        <v>35722533</v>
      </c>
      <c r="F894" s="17" t="s">
        <v>2045</v>
      </c>
      <c r="G894" s="12">
        <v>3526</v>
      </c>
      <c r="H894" s="12">
        <v>4336.9799999999996</v>
      </c>
      <c r="I894" s="11" t="s">
        <v>18</v>
      </c>
      <c r="J894" s="11"/>
    </row>
    <row r="895" spans="1:10" x14ac:dyDescent="0.25">
      <c r="A895" s="10" t="s">
        <v>2046</v>
      </c>
      <c r="B895" s="211">
        <v>45904</v>
      </c>
      <c r="C895" s="90" t="s">
        <v>95</v>
      </c>
      <c r="D895" s="17" t="s">
        <v>96</v>
      </c>
      <c r="E895" s="107">
        <v>31322832</v>
      </c>
      <c r="F895" s="11" t="s">
        <v>2047</v>
      </c>
      <c r="G895" s="12">
        <v>3825.35</v>
      </c>
      <c r="H895" s="12">
        <v>4705.18</v>
      </c>
      <c r="I895" s="11" t="s">
        <v>98</v>
      </c>
      <c r="J895" s="11"/>
    </row>
    <row r="896" spans="1:10" x14ac:dyDescent="0.25">
      <c r="A896" s="10" t="s">
        <v>2048</v>
      </c>
      <c r="B896" s="233">
        <v>45904</v>
      </c>
      <c r="C896" s="90" t="s">
        <v>2049</v>
      </c>
      <c r="D896" s="10" t="s">
        <v>2050</v>
      </c>
      <c r="E896" s="103">
        <v>31365078</v>
      </c>
      <c r="F896" s="10" t="s">
        <v>2051</v>
      </c>
      <c r="G896" s="12">
        <v>164</v>
      </c>
      <c r="H896" s="12">
        <v>201.72</v>
      </c>
      <c r="I896" s="11"/>
      <c r="J896" s="11">
        <v>1932025</v>
      </c>
    </row>
    <row r="897" spans="1:10" x14ac:dyDescent="0.25">
      <c r="A897" s="10" t="s">
        <v>2052</v>
      </c>
      <c r="B897" s="211">
        <v>45903</v>
      </c>
      <c r="C897" s="90" t="s">
        <v>2053</v>
      </c>
      <c r="D897" s="10" t="s">
        <v>2054</v>
      </c>
      <c r="E897" s="103">
        <v>30810710</v>
      </c>
      <c r="F897" s="10" t="s">
        <v>2055</v>
      </c>
      <c r="G897" s="12">
        <v>4245</v>
      </c>
      <c r="H897" s="12">
        <v>4245</v>
      </c>
      <c r="I897" s="11"/>
      <c r="J897" s="11">
        <v>2232025</v>
      </c>
    </row>
    <row r="898" spans="1:10" x14ac:dyDescent="0.25">
      <c r="A898" s="10" t="s">
        <v>2056</v>
      </c>
      <c r="B898" s="211">
        <v>45904</v>
      </c>
      <c r="C898" s="90" t="s">
        <v>914</v>
      </c>
      <c r="D898" s="10" t="s">
        <v>915</v>
      </c>
      <c r="E898" s="103">
        <v>35752831</v>
      </c>
      <c r="F898" s="10" t="s">
        <v>2057</v>
      </c>
      <c r="G898" s="12">
        <v>203.73</v>
      </c>
      <c r="H898" s="12">
        <v>250.59</v>
      </c>
      <c r="I898" s="135" t="s">
        <v>917</v>
      </c>
      <c r="J898" s="11"/>
    </row>
    <row r="899" spans="1:10" x14ac:dyDescent="0.25">
      <c r="A899" s="10" t="s">
        <v>2058</v>
      </c>
      <c r="B899" s="211">
        <v>45905</v>
      </c>
      <c r="C899" s="98" t="s">
        <v>182</v>
      </c>
      <c r="D899" s="116" t="s">
        <v>183</v>
      </c>
      <c r="E899" s="115">
        <v>48059528</v>
      </c>
      <c r="F899" s="11" t="s">
        <v>2059</v>
      </c>
      <c r="G899" s="18">
        <v>3546.67</v>
      </c>
      <c r="H899" s="18">
        <v>3724</v>
      </c>
      <c r="I899" s="13" t="s">
        <v>185</v>
      </c>
      <c r="J899" s="116"/>
    </row>
    <row r="900" spans="1:10" x14ac:dyDescent="0.25">
      <c r="A900" s="10" t="s">
        <v>2060</v>
      </c>
      <c r="B900" s="211">
        <v>45904</v>
      </c>
      <c r="C900" s="90" t="s">
        <v>914</v>
      </c>
      <c r="D900" s="10" t="s">
        <v>915</v>
      </c>
      <c r="E900" s="103">
        <v>35752831</v>
      </c>
      <c r="F900" s="10" t="s">
        <v>2061</v>
      </c>
      <c r="G900" s="12">
        <v>129.74</v>
      </c>
      <c r="H900" s="12">
        <v>159.58000000000001</v>
      </c>
      <c r="I900" s="135" t="s">
        <v>2062</v>
      </c>
      <c r="J900" s="11"/>
    </row>
    <row r="901" spans="1:10" x14ac:dyDescent="0.25">
      <c r="A901" s="10" t="s">
        <v>2063</v>
      </c>
      <c r="B901" s="211">
        <v>45905</v>
      </c>
      <c r="C901" s="90" t="s">
        <v>546</v>
      </c>
      <c r="D901" s="10" t="s">
        <v>547</v>
      </c>
      <c r="E901" s="103">
        <v>31402445</v>
      </c>
      <c r="F901" s="10" t="s">
        <v>2064</v>
      </c>
      <c r="G901" s="12">
        <v>395</v>
      </c>
      <c r="H901" s="12">
        <v>485.85</v>
      </c>
      <c r="I901" s="11" t="s">
        <v>549</v>
      </c>
      <c r="J901" s="11"/>
    </row>
    <row r="902" spans="1:10" x14ac:dyDescent="0.25">
      <c r="A902" s="85" t="s">
        <v>2065</v>
      </c>
      <c r="B902" s="218">
        <v>45904</v>
      </c>
      <c r="C902" s="94" t="s">
        <v>357</v>
      </c>
      <c r="D902" s="23" t="s">
        <v>358</v>
      </c>
      <c r="E902" s="105">
        <v>36250481</v>
      </c>
      <c r="F902" s="19" t="s">
        <v>2066</v>
      </c>
      <c r="G902" s="24">
        <v>3500</v>
      </c>
      <c r="H902" s="24">
        <v>4305</v>
      </c>
      <c r="I902" s="61" t="s">
        <v>387</v>
      </c>
      <c r="J902" s="19"/>
    </row>
    <row r="903" spans="1:10" x14ac:dyDescent="0.25">
      <c r="A903" s="85" t="s">
        <v>2067</v>
      </c>
      <c r="B903" s="218">
        <v>45904</v>
      </c>
      <c r="C903" s="94" t="s">
        <v>357</v>
      </c>
      <c r="D903" s="23" t="s">
        <v>358</v>
      </c>
      <c r="E903" s="105">
        <v>36250481</v>
      </c>
      <c r="F903" s="23" t="s">
        <v>2068</v>
      </c>
      <c r="G903" s="24">
        <v>34865.5</v>
      </c>
      <c r="H903" s="24">
        <v>42884.57</v>
      </c>
      <c r="I903" s="61" t="s">
        <v>360</v>
      </c>
      <c r="J903" s="19" t="s">
        <v>1001</v>
      </c>
    </row>
    <row r="904" spans="1:10" x14ac:dyDescent="0.25">
      <c r="A904" s="85" t="s">
        <v>2069</v>
      </c>
      <c r="B904" s="218">
        <v>45904</v>
      </c>
      <c r="C904" s="94" t="s">
        <v>357</v>
      </c>
      <c r="D904" s="23" t="s">
        <v>358</v>
      </c>
      <c r="E904" s="105">
        <v>36250481</v>
      </c>
      <c r="F904" s="23" t="s">
        <v>2070</v>
      </c>
      <c r="G904" s="20">
        <v>9231.7199999999993</v>
      </c>
      <c r="H904" s="20">
        <v>11355.02</v>
      </c>
      <c r="I904" s="19" t="s">
        <v>360</v>
      </c>
      <c r="J904" s="19">
        <v>922025</v>
      </c>
    </row>
    <row r="905" spans="1:10" x14ac:dyDescent="0.25">
      <c r="A905" s="10" t="s">
        <v>2071</v>
      </c>
      <c r="B905" s="212">
        <v>45908</v>
      </c>
      <c r="C905" s="88" t="s">
        <v>155</v>
      </c>
      <c r="D905" s="33" t="s">
        <v>156</v>
      </c>
      <c r="E905" s="101">
        <v>36687936</v>
      </c>
      <c r="F905" s="6" t="s">
        <v>2072</v>
      </c>
      <c r="G905" s="18">
        <v>19323.099999999999</v>
      </c>
      <c r="H905" s="18">
        <v>19714.099999999999</v>
      </c>
      <c r="I905" s="9" t="s">
        <v>158</v>
      </c>
      <c r="J905" s="6"/>
    </row>
    <row r="906" spans="1:10" x14ac:dyDescent="0.25">
      <c r="A906" s="10" t="s">
        <v>2073</v>
      </c>
      <c r="B906" s="212">
        <v>45908</v>
      </c>
      <c r="C906" s="93" t="s">
        <v>127</v>
      </c>
      <c r="D906" s="16" t="s">
        <v>128</v>
      </c>
      <c r="E906" s="102">
        <v>36795135</v>
      </c>
      <c r="F906" s="33" t="s">
        <v>2074</v>
      </c>
      <c r="G906" s="8">
        <v>193.3</v>
      </c>
      <c r="H906" s="8">
        <v>237.76</v>
      </c>
      <c r="I906" s="9" t="s">
        <v>2075</v>
      </c>
      <c r="J906" s="6"/>
    </row>
    <row r="907" spans="1:10" x14ac:dyDescent="0.25">
      <c r="A907" s="10" t="s">
        <v>2076</v>
      </c>
      <c r="B907" s="212">
        <v>45908</v>
      </c>
      <c r="C907" s="88" t="s">
        <v>155</v>
      </c>
      <c r="D907" s="33" t="s">
        <v>156</v>
      </c>
      <c r="E907" s="101">
        <v>36687936</v>
      </c>
      <c r="F907" s="6" t="s">
        <v>2077</v>
      </c>
      <c r="G907" s="18">
        <v>4386</v>
      </c>
      <c r="H907" s="18">
        <v>5394.78</v>
      </c>
      <c r="I907" s="9" t="s">
        <v>158</v>
      </c>
      <c r="J907" s="6"/>
    </row>
    <row r="908" spans="1:10" x14ac:dyDescent="0.25">
      <c r="A908" s="10" t="s">
        <v>2078</v>
      </c>
      <c r="B908" s="212">
        <v>45908</v>
      </c>
      <c r="C908" s="88" t="s">
        <v>155</v>
      </c>
      <c r="D908" s="6" t="s">
        <v>156</v>
      </c>
      <c r="E908" s="101">
        <v>36687936</v>
      </c>
      <c r="F908" s="6" t="s">
        <v>2079</v>
      </c>
      <c r="G908" s="18">
        <v>2777.8</v>
      </c>
      <c r="H908" s="18">
        <v>3416.69</v>
      </c>
      <c r="I908" s="9" t="s">
        <v>158</v>
      </c>
      <c r="J908" s="6"/>
    </row>
    <row r="909" spans="1:10" x14ac:dyDescent="0.25">
      <c r="A909" s="85" t="s">
        <v>2080</v>
      </c>
      <c r="B909" s="218">
        <v>45905</v>
      </c>
      <c r="C909" s="94" t="s">
        <v>73</v>
      </c>
      <c r="D909" s="26" t="s">
        <v>74</v>
      </c>
      <c r="E909" s="114">
        <v>35763469</v>
      </c>
      <c r="F909" s="26" t="s">
        <v>2081</v>
      </c>
      <c r="G909" s="20">
        <v>9594.2099999999991</v>
      </c>
      <c r="H909" s="20">
        <v>11800.88</v>
      </c>
      <c r="I909" s="19" t="s">
        <v>76</v>
      </c>
      <c r="J909" s="19"/>
    </row>
    <row r="910" spans="1:10" x14ac:dyDescent="0.25">
      <c r="A910" s="10" t="s">
        <v>2082</v>
      </c>
      <c r="B910" s="212">
        <v>45908</v>
      </c>
      <c r="C910" s="88" t="s">
        <v>455</v>
      </c>
      <c r="D910" s="33" t="s">
        <v>607</v>
      </c>
      <c r="E910" s="101">
        <v>31609058</v>
      </c>
      <c r="F910" s="6" t="s">
        <v>2083</v>
      </c>
      <c r="G910" s="8">
        <v>98.8</v>
      </c>
      <c r="H910" s="8">
        <v>121.52</v>
      </c>
      <c r="I910" s="6" t="s">
        <v>458</v>
      </c>
      <c r="J910" s="6"/>
    </row>
    <row r="911" spans="1:10" x14ac:dyDescent="0.25">
      <c r="A911" s="10" t="s">
        <v>2084</v>
      </c>
      <c r="B911" s="211">
        <v>45903</v>
      </c>
      <c r="C911" s="90" t="s">
        <v>2085</v>
      </c>
      <c r="D911" s="129" t="s">
        <v>2050</v>
      </c>
      <c r="E911" s="130">
        <v>47259116</v>
      </c>
      <c r="F911" s="129" t="s">
        <v>2086</v>
      </c>
      <c r="G911" s="12">
        <v>2225.62</v>
      </c>
      <c r="H911" s="12">
        <v>2737.51</v>
      </c>
      <c r="I911" s="11" t="s">
        <v>2087</v>
      </c>
      <c r="J911" s="11"/>
    </row>
    <row r="912" spans="1:10" x14ac:dyDescent="0.25">
      <c r="A912" s="10" t="s">
        <v>2088</v>
      </c>
      <c r="B912" s="212">
        <v>45909</v>
      </c>
      <c r="C912" s="88" t="s">
        <v>455</v>
      </c>
      <c r="D912" s="33" t="s">
        <v>607</v>
      </c>
      <c r="E912" s="101">
        <v>31609058</v>
      </c>
      <c r="F912" s="6" t="s">
        <v>2089</v>
      </c>
      <c r="G912" s="8">
        <v>720</v>
      </c>
      <c r="H912" s="8">
        <v>885.6</v>
      </c>
      <c r="I912" s="6" t="s">
        <v>458</v>
      </c>
      <c r="J912" s="87"/>
    </row>
    <row r="913" spans="1:10" x14ac:dyDescent="0.25">
      <c r="A913" s="10" t="s">
        <v>2090</v>
      </c>
      <c r="B913" s="211">
        <v>45905</v>
      </c>
      <c r="C913" s="90" t="s">
        <v>1105</v>
      </c>
      <c r="D913" s="19" t="s">
        <v>1106</v>
      </c>
      <c r="E913" s="120">
        <v>35780886</v>
      </c>
      <c r="F913" s="10" t="s">
        <v>1107</v>
      </c>
      <c r="G913" s="12">
        <v>10000</v>
      </c>
      <c r="H913" s="12">
        <v>12300</v>
      </c>
      <c r="I913" s="11"/>
      <c r="J913" s="11">
        <v>762025</v>
      </c>
    </row>
    <row r="914" spans="1:10" x14ac:dyDescent="0.25">
      <c r="A914" s="10" t="s">
        <v>2091</v>
      </c>
      <c r="B914" s="232">
        <v>45909</v>
      </c>
      <c r="C914" s="88" t="s">
        <v>148</v>
      </c>
      <c r="D914" s="16" t="s">
        <v>365</v>
      </c>
      <c r="E914" s="102">
        <v>53227514</v>
      </c>
      <c r="F914" s="10" t="s">
        <v>2092</v>
      </c>
      <c r="G914" s="12">
        <v>480</v>
      </c>
      <c r="H914" s="8">
        <v>590.4</v>
      </c>
      <c r="I914" s="6" t="s">
        <v>2093</v>
      </c>
      <c r="J914" s="6"/>
    </row>
    <row r="915" spans="1:10" x14ac:dyDescent="0.25">
      <c r="A915" s="56" t="s">
        <v>2094</v>
      </c>
      <c r="B915" s="212">
        <v>45909</v>
      </c>
      <c r="C915" s="88" t="s">
        <v>148</v>
      </c>
      <c r="D915" s="16" t="s">
        <v>365</v>
      </c>
      <c r="E915" s="102">
        <v>53227514</v>
      </c>
      <c r="F915" s="10" t="s">
        <v>2095</v>
      </c>
      <c r="G915" s="12">
        <v>480</v>
      </c>
      <c r="H915" s="8">
        <v>590.4</v>
      </c>
      <c r="I915" s="6" t="s">
        <v>2093</v>
      </c>
      <c r="J915" s="6"/>
    </row>
    <row r="916" spans="1:10" x14ac:dyDescent="0.25">
      <c r="A916" s="56" t="s">
        <v>2096</v>
      </c>
      <c r="B916" s="211">
        <v>45910</v>
      </c>
      <c r="C916" s="90" t="s">
        <v>241</v>
      </c>
      <c r="D916" s="33" t="s">
        <v>242</v>
      </c>
      <c r="E916" s="101">
        <v>36631124</v>
      </c>
      <c r="F916" s="33" t="s">
        <v>2097</v>
      </c>
      <c r="G916" s="12">
        <v>3550.75</v>
      </c>
      <c r="H916" s="12">
        <v>3550.75</v>
      </c>
      <c r="I916" s="11" t="s">
        <v>611</v>
      </c>
      <c r="J916" s="11"/>
    </row>
    <row r="917" spans="1:10" x14ac:dyDescent="0.25">
      <c r="A917" s="56" t="s">
        <v>2098</v>
      </c>
      <c r="B917" s="211">
        <v>45911</v>
      </c>
      <c r="C917" s="90" t="s">
        <v>241</v>
      </c>
      <c r="D917" s="33" t="s">
        <v>242</v>
      </c>
      <c r="E917" s="101">
        <v>36631124</v>
      </c>
      <c r="F917" s="16" t="s">
        <v>2099</v>
      </c>
      <c r="G917" s="18">
        <v>7.48</v>
      </c>
      <c r="H917" s="18">
        <v>9.1999999999999993</v>
      </c>
      <c r="I917" s="13" t="s">
        <v>611</v>
      </c>
      <c r="J917" s="6"/>
    </row>
    <row r="918" spans="1:10" x14ac:dyDescent="0.25">
      <c r="A918" s="56" t="s">
        <v>2100</v>
      </c>
      <c r="B918" s="211">
        <v>45910</v>
      </c>
      <c r="C918" s="90" t="s">
        <v>1913</v>
      </c>
      <c r="D918" s="33" t="s">
        <v>1914</v>
      </c>
      <c r="E918" s="101">
        <v>35819081</v>
      </c>
      <c r="F918" s="33" t="s">
        <v>2101</v>
      </c>
      <c r="G918" s="8">
        <v>478.4</v>
      </c>
      <c r="H918" s="8">
        <v>588.42999999999995</v>
      </c>
      <c r="I918" s="11" t="s">
        <v>1916</v>
      </c>
      <c r="J918" s="6">
        <v>1912025</v>
      </c>
    </row>
    <row r="919" spans="1:10" x14ac:dyDescent="0.25">
      <c r="A919" s="10" t="s">
        <v>2102</v>
      </c>
      <c r="B919" s="233">
        <v>45910</v>
      </c>
      <c r="C919" s="90" t="s">
        <v>11</v>
      </c>
      <c r="D919" s="10" t="s">
        <v>12</v>
      </c>
      <c r="E919" s="103">
        <v>36302716</v>
      </c>
      <c r="F919" s="10" t="s">
        <v>813</v>
      </c>
      <c r="G919" s="12">
        <v>48.96</v>
      </c>
      <c r="H919" s="12">
        <v>60.22</v>
      </c>
      <c r="I919" s="11"/>
      <c r="J919" s="116">
        <v>2272025</v>
      </c>
    </row>
    <row r="920" spans="1:10" x14ac:dyDescent="0.25">
      <c r="A920" s="56" t="s">
        <v>2103</v>
      </c>
      <c r="B920" s="211">
        <v>45910</v>
      </c>
      <c r="C920" s="117" t="s">
        <v>155</v>
      </c>
      <c r="D920" s="117" t="s">
        <v>156</v>
      </c>
      <c r="E920" s="118">
        <v>36687938</v>
      </c>
      <c r="F920" s="6" t="s">
        <v>2104</v>
      </c>
      <c r="G920" s="119">
        <v>332.83</v>
      </c>
      <c r="H920" s="119">
        <v>396.07</v>
      </c>
      <c r="I920" s="13" t="s">
        <v>158</v>
      </c>
      <c r="J920" s="117"/>
    </row>
    <row r="921" spans="1:10" x14ac:dyDescent="0.25">
      <c r="A921" s="56" t="s">
        <v>2105</v>
      </c>
      <c r="B921" s="211">
        <v>45910</v>
      </c>
      <c r="C921" s="117" t="s">
        <v>155</v>
      </c>
      <c r="D921" s="117" t="s">
        <v>156</v>
      </c>
      <c r="E921" s="118">
        <v>36687938</v>
      </c>
      <c r="F921" s="117" t="s">
        <v>2106</v>
      </c>
      <c r="G921" s="119">
        <v>15.16</v>
      </c>
      <c r="H921" s="119">
        <v>18.04</v>
      </c>
      <c r="I921" s="13" t="s">
        <v>158</v>
      </c>
      <c r="J921" s="117"/>
    </row>
    <row r="922" spans="1:10" x14ac:dyDescent="0.25">
      <c r="A922" s="56" t="s">
        <v>2107</v>
      </c>
      <c r="B922" s="211">
        <v>45910</v>
      </c>
      <c r="C922" s="90" t="s">
        <v>1482</v>
      </c>
      <c r="D922" s="10" t="s">
        <v>1483</v>
      </c>
      <c r="E922" s="150">
        <v>31348653</v>
      </c>
      <c r="F922" s="10" t="s">
        <v>2108</v>
      </c>
      <c r="G922" s="12">
        <v>228.33</v>
      </c>
      <c r="H922" s="12">
        <v>280.85000000000002</v>
      </c>
      <c r="I922" s="11" t="s">
        <v>1485</v>
      </c>
      <c r="J922" s="11">
        <v>2222025</v>
      </c>
    </row>
    <row r="923" spans="1:10" x14ac:dyDescent="0.25">
      <c r="A923" s="56" t="s">
        <v>2109</v>
      </c>
      <c r="B923" s="211">
        <v>45911</v>
      </c>
      <c r="C923" s="90" t="s">
        <v>1482</v>
      </c>
      <c r="D923" s="10" t="s">
        <v>1483</v>
      </c>
      <c r="E923" s="103">
        <v>31348653</v>
      </c>
      <c r="F923" s="10" t="s">
        <v>2110</v>
      </c>
      <c r="G923" s="12">
        <v>105.5</v>
      </c>
      <c r="H923" s="12">
        <v>129.77000000000001</v>
      </c>
      <c r="I923" s="11" t="s">
        <v>1485</v>
      </c>
      <c r="J923" s="11">
        <v>2352025</v>
      </c>
    </row>
    <row r="924" spans="1:10" x14ac:dyDescent="0.25">
      <c r="A924" s="56" t="s">
        <v>2111</v>
      </c>
      <c r="B924" s="211">
        <v>45911</v>
      </c>
      <c r="C924" s="90" t="s">
        <v>1482</v>
      </c>
      <c r="D924" s="10" t="s">
        <v>1483</v>
      </c>
      <c r="E924" s="103">
        <v>31348653</v>
      </c>
      <c r="F924" s="10" t="s">
        <v>2112</v>
      </c>
      <c r="G924" s="12">
        <v>105.5</v>
      </c>
      <c r="H924" s="12">
        <v>129.77000000000001</v>
      </c>
      <c r="I924" s="11" t="s">
        <v>1485</v>
      </c>
      <c r="J924" s="11">
        <v>2352025</v>
      </c>
    </row>
    <row r="925" spans="1:10" x14ac:dyDescent="0.25">
      <c r="A925" s="56" t="s">
        <v>2113</v>
      </c>
      <c r="B925" s="211">
        <v>45912</v>
      </c>
      <c r="C925" s="90" t="s">
        <v>177</v>
      </c>
      <c r="D925" s="10" t="s">
        <v>172</v>
      </c>
      <c r="E925" s="103">
        <v>53528654</v>
      </c>
      <c r="F925" s="10" t="s">
        <v>2114</v>
      </c>
      <c r="G925" s="12">
        <v>5074.67</v>
      </c>
      <c r="H925" s="12">
        <v>5074.67</v>
      </c>
      <c r="I925" s="31" t="s">
        <v>1902</v>
      </c>
      <c r="J925" s="11">
        <v>2282025</v>
      </c>
    </row>
    <row r="926" spans="1:10" x14ac:dyDescent="0.25">
      <c r="A926" s="56" t="s">
        <v>2115</v>
      </c>
      <c r="B926" s="211">
        <v>45912</v>
      </c>
      <c r="C926" s="90" t="s">
        <v>2116</v>
      </c>
      <c r="D926" s="33" t="s">
        <v>1680</v>
      </c>
      <c r="E926" s="101">
        <v>57111499</v>
      </c>
      <c r="F926" s="88" t="s">
        <v>2117</v>
      </c>
      <c r="G926" s="12">
        <v>800</v>
      </c>
      <c r="H926" s="12">
        <v>800</v>
      </c>
      <c r="I926" s="22"/>
      <c r="J926" s="11">
        <v>2312025</v>
      </c>
    </row>
    <row r="927" spans="1:10" x14ac:dyDescent="0.25">
      <c r="A927" s="56" t="s">
        <v>2118</v>
      </c>
      <c r="B927" s="212">
        <v>45912</v>
      </c>
      <c r="C927" s="88" t="s">
        <v>127</v>
      </c>
      <c r="D927" s="16" t="s">
        <v>128</v>
      </c>
      <c r="E927" s="102">
        <v>36795135</v>
      </c>
      <c r="F927" s="131" t="s">
        <v>2119</v>
      </c>
      <c r="G927" s="8">
        <v>2736</v>
      </c>
      <c r="H927" s="8">
        <v>3365.28</v>
      </c>
      <c r="I927" s="6"/>
      <c r="J927" s="6">
        <v>1822025</v>
      </c>
    </row>
    <row r="928" spans="1:10" x14ac:dyDescent="0.25">
      <c r="A928" s="171" t="s">
        <v>2120</v>
      </c>
      <c r="B928" s="218">
        <v>45916</v>
      </c>
      <c r="C928" s="94" t="s">
        <v>302</v>
      </c>
      <c r="D928" s="23" t="s">
        <v>1860</v>
      </c>
      <c r="E928" s="105">
        <v>45156424</v>
      </c>
      <c r="F928" s="23" t="s">
        <v>2121</v>
      </c>
      <c r="G928" s="24">
        <v>8892.4500000000007</v>
      </c>
      <c r="H928" s="24">
        <v>10937.71</v>
      </c>
      <c r="I928" s="19" t="s">
        <v>1792</v>
      </c>
      <c r="J928" s="23"/>
    </row>
    <row r="929" spans="1:10" x14ac:dyDescent="0.25">
      <c r="A929" s="56" t="s">
        <v>2122</v>
      </c>
      <c r="B929" s="211">
        <v>45916</v>
      </c>
      <c r="C929" s="89" t="s">
        <v>621</v>
      </c>
      <c r="D929" s="11" t="s">
        <v>622</v>
      </c>
      <c r="E929" s="103">
        <v>36404136</v>
      </c>
      <c r="F929" s="11" t="s">
        <v>2123</v>
      </c>
      <c r="G929" s="12">
        <v>9771.06</v>
      </c>
      <c r="H929" s="12">
        <v>12018.4</v>
      </c>
      <c r="I929" s="13" t="s">
        <v>624</v>
      </c>
      <c r="J929" s="11"/>
    </row>
    <row r="930" spans="1:10" x14ac:dyDescent="0.25">
      <c r="A930" s="171" t="s">
        <v>2124</v>
      </c>
      <c r="B930" s="218">
        <v>45916</v>
      </c>
      <c r="C930" s="94" t="s">
        <v>187</v>
      </c>
      <c r="D930" s="19" t="s">
        <v>188</v>
      </c>
      <c r="E930" s="120">
        <v>35954612</v>
      </c>
      <c r="F930" s="19" t="s">
        <v>2125</v>
      </c>
      <c r="G930" s="20">
        <v>1236.26</v>
      </c>
      <c r="H930" s="20">
        <v>1520.6</v>
      </c>
      <c r="I930" s="61" t="s">
        <v>190</v>
      </c>
      <c r="J930" s="19">
        <v>1752025</v>
      </c>
    </row>
    <row r="931" spans="1:10" x14ac:dyDescent="0.25">
      <c r="A931" s="56" t="s">
        <v>2126</v>
      </c>
      <c r="B931" s="211">
        <v>45916</v>
      </c>
      <c r="C931" s="89" t="s">
        <v>621</v>
      </c>
      <c r="D931" s="11" t="s">
        <v>622</v>
      </c>
      <c r="E931" s="103">
        <v>36404136</v>
      </c>
      <c r="F931" s="11" t="s">
        <v>2127</v>
      </c>
      <c r="G931" s="12">
        <v>46528.800000000003</v>
      </c>
      <c r="H931" s="12">
        <v>46528.800000000003</v>
      </c>
      <c r="I931" s="13" t="s">
        <v>624</v>
      </c>
      <c r="J931" s="11"/>
    </row>
    <row r="932" spans="1:10" x14ac:dyDescent="0.25">
      <c r="A932" s="56" t="s">
        <v>2128</v>
      </c>
      <c r="B932" s="211">
        <v>45916</v>
      </c>
      <c r="C932" s="90" t="s">
        <v>171</v>
      </c>
      <c r="D932" s="33" t="s">
        <v>266</v>
      </c>
      <c r="E932" s="101">
        <v>52599515</v>
      </c>
      <c r="F932" s="33" t="s">
        <v>2129</v>
      </c>
      <c r="G932" s="18">
        <v>1781.96</v>
      </c>
      <c r="H932" s="18">
        <v>2122.4299999999998</v>
      </c>
      <c r="I932" s="13" t="s">
        <v>173</v>
      </c>
      <c r="J932" s="6"/>
    </row>
    <row r="933" spans="1:10" x14ac:dyDescent="0.25">
      <c r="A933" s="56" t="s">
        <v>2130</v>
      </c>
      <c r="B933" s="211">
        <v>45916</v>
      </c>
      <c r="C933" s="89" t="s">
        <v>621</v>
      </c>
      <c r="D933" s="11" t="s">
        <v>622</v>
      </c>
      <c r="E933" s="103">
        <v>36404136</v>
      </c>
      <c r="F933" s="11" t="s">
        <v>2131</v>
      </c>
      <c r="G933" s="12">
        <v>2400</v>
      </c>
      <c r="H933" s="12">
        <v>2952</v>
      </c>
      <c r="I933" s="13" t="s">
        <v>624</v>
      </c>
      <c r="J933" s="11"/>
    </row>
    <row r="934" spans="1:10" x14ac:dyDescent="0.25">
      <c r="A934" s="171" t="s">
        <v>2132</v>
      </c>
      <c r="B934" s="218">
        <v>45916</v>
      </c>
      <c r="C934" s="94" t="s">
        <v>187</v>
      </c>
      <c r="D934" s="23" t="s">
        <v>188</v>
      </c>
      <c r="E934" s="105">
        <v>35954612</v>
      </c>
      <c r="F934" s="19" t="s">
        <v>2133</v>
      </c>
      <c r="G934" s="20">
        <v>6379.42</v>
      </c>
      <c r="H934" s="20">
        <v>7846.69</v>
      </c>
      <c r="I934" s="61" t="s">
        <v>190</v>
      </c>
      <c r="J934" s="19">
        <v>1752025</v>
      </c>
    </row>
    <row r="935" spans="1:10" x14ac:dyDescent="0.25">
      <c r="A935" s="171" t="s">
        <v>2134</v>
      </c>
      <c r="B935" s="218">
        <v>45916</v>
      </c>
      <c r="C935" s="239" t="s">
        <v>187</v>
      </c>
      <c r="D935" s="23" t="s">
        <v>188</v>
      </c>
      <c r="E935" s="105">
        <v>35954612</v>
      </c>
      <c r="F935" s="19" t="s">
        <v>2135</v>
      </c>
      <c r="G935" s="20">
        <v>1258.78</v>
      </c>
      <c r="H935" s="20">
        <v>1548.3</v>
      </c>
      <c r="I935" s="61" t="s">
        <v>190</v>
      </c>
      <c r="J935" s="19">
        <v>1752025</v>
      </c>
    </row>
    <row r="936" spans="1:10" x14ac:dyDescent="0.25">
      <c r="A936" s="56" t="s">
        <v>2136</v>
      </c>
      <c r="B936" s="211">
        <v>45916</v>
      </c>
      <c r="C936" s="88" t="s">
        <v>134</v>
      </c>
      <c r="D936" s="33" t="s">
        <v>135</v>
      </c>
      <c r="E936" s="101">
        <v>35889063</v>
      </c>
      <c r="F936" s="33" t="s">
        <v>2137</v>
      </c>
      <c r="G936" s="8">
        <v>17.96</v>
      </c>
      <c r="H936" s="8">
        <v>21.37</v>
      </c>
      <c r="I936" s="11" t="s">
        <v>1341</v>
      </c>
      <c r="J936" s="6"/>
    </row>
    <row r="937" spans="1:10" x14ac:dyDescent="0.25">
      <c r="A937" s="171" t="s">
        <v>2138</v>
      </c>
      <c r="B937" s="218">
        <v>45916</v>
      </c>
      <c r="C937" s="94" t="s">
        <v>187</v>
      </c>
      <c r="D937" s="23" t="s">
        <v>188</v>
      </c>
      <c r="E937" s="105">
        <v>35954612</v>
      </c>
      <c r="F937" s="19" t="s">
        <v>2139</v>
      </c>
      <c r="G937" s="20">
        <v>1287.94</v>
      </c>
      <c r="H937" s="20">
        <v>1584.17</v>
      </c>
      <c r="I937" s="61" t="s">
        <v>190</v>
      </c>
      <c r="J937" s="19">
        <v>1752025</v>
      </c>
    </row>
    <row r="938" spans="1:10" x14ac:dyDescent="0.25">
      <c r="A938" s="171" t="s">
        <v>2140</v>
      </c>
      <c r="B938" s="218">
        <v>45916</v>
      </c>
      <c r="C938" s="94" t="s">
        <v>187</v>
      </c>
      <c r="D938" s="23" t="s">
        <v>188</v>
      </c>
      <c r="E938" s="105">
        <v>35954612</v>
      </c>
      <c r="F938" s="19" t="s">
        <v>2141</v>
      </c>
      <c r="G938" s="20">
        <v>1263.9000000000001</v>
      </c>
      <c r="H938" s="20">
        <v>1554.6</v>
      </c>
      <c r="I938" s="61" t="s">
        <v>190</v>
      </c>
      <c r="J938" s="19">
        <v>1752025</v>
      </c>
    </row>
    <row r="939" spans="1:10" x14ac:dyDescent="0.25">
      <c r="A939" s="171" t="s">
        <v>2142</v>
      </c>
      <c r="B939" s="218">
        <v>45916</v>
      </c>
      <c r="C939" s="94" t="s">
        <v>187</v>
      </c>
      <c r="D939" s="23" t="s">
        <v>188</v>
      </c>
      <c r="E939" s="105">
        <v>35954612</v>
      </c>
      <c r="F939" s="19" t="s">
        <v>2143</v>
      </c>
      <c r="G939" s="20">
        <v>1266.95</v>
      </c>
      <c r="H939" s="20">
        <v>1558.35</v>
      </c>
      <c r="I939" s="61" t="s">
        <v>190</v>
      </c>
      <c r="J939" s="19">
        <v>1752025</v>
      </c>
    </row>
    <row r="940" spans="1:10" x14ac:dyDescent="0.25">
      <c r="A940" s="171" t="s">
        <v>2144</v>
      </c>
      <c r="B940" s="218">
        <v>45916</v>
      </c>
      <c r="C940" s="94" t="s">
        <v>187</v>
      </c>
      <c r="D940" s="23" t="s">
        <v>188</v>
      </c>
      <c r="E940" s="105">
        <v>35954612</v>
      </c>
      <c r="F940" s="19" t="s">
        <v>2145</v>
      </c>
      <c r="G940" s="20">
        <v>1263.1300000000001</v>
      </c>
      <c r="H940" s="20">
        <v>1553.65</v>
      </c>
      <c r="I940" s="61" t="s">
        <v>190</v>
      </c>
      <c r="J940" s="19">
        <v>1752025</v>
      </c>
    </row>
    <row r="941" spans="1:10" x14ac:dyDescent="0.25">
      <c r="A941" s="171" t="s">
        <v>2146</v>
      </c>
      <c r="B941" s="218">
        <v>45916</v>
      </c>
      <c r="C941" s="94" t="s">
        <v>187</v>
      </c>
      <c r="D941" s="23" t="s">
        <v>188</v>
      </c>
      <c r="E941" s="105">
        <v>35954612</v>
      </c>
      <c r="F941" s="19" t="s">
        <v>2147</v>
      </c>
      <c r="G941" s="20">
        <v>1298.47</v>
      </c>
      <c r="H941" s="20">
        <v>1597.12</v>
      </c>
      <c r="I941" s="61" t="s">
        <v>190</v>
      </c>
      <c r="J941" s="19">
        <v>1752025</v>
      </c>
    </row>
    <row r="942" spans="1:10" x14ac:dyDescent="0.25">
      <c r="A942" s="56" t="s">
        <v>3644</v>
      </c>
      <c r="B942" s="294">
        <v>45916</v>
      </c>
      <c r="C942" s="89" t="s">
        <v>307</v>
      </c>
      <c r="D942" s="11" t="s">
        <v>308</v>
      </c>
      <c r="E942" s="103">
        <v>26805413</v>
      </c>
      <c r="F942" s="11" t="s">
        <v>309</v>
      </c>
      <c r="G942" s="18">
        <v>336</v>
      </c>
      <c r="H942" s="18">
        <v>413.28</v>
      </c>
      <c r="I942" s="315" t="s">
        <v>3645</v>
      </c>
      <c r="J942" s="11">
        <v>2242025</v>
      </c>
    </row>
    <row r="943" spans="1:10" x14ac:dyDescent="0.25">
      <c r="A943" s="171" t="s">
        <v>2148</v>
      </c>
      <c r="B943" s="218">
        <v>45916</v>
      </c>
      <c r="C943" s="94" t="s">
        <v>187</v>
      </c>
      <c r="D943" s="23" t="s">
        <v>188</v>
      </c>
      <c r="E943" s="105">
        <v>35954612</v>
      </c>
      <c r="F943" s="19" t="s">
        <v>2149</v>
      </c>
      <c r="G943" s="20">
        <v>1315.64</v>
      </c>
      <c r="H943" s="20">
        <v>1618.24</v>
      </c>
      <c r="I943" s="61" t="s">
        <v>190</v>
      </c>
      <c r="J943" s="19">
        <v>1752025</v>
      </c>
    </row>
    <row r="944" spans="1:10" x14ac:dyDescent="0.25">
      <c r="A944" s="171" t="s">
        <v>2150</v>
      </c>
      <c r="B944" s="218">
        <v>45916</v>
      </c>
      <c r="C944" s="94" t="s">
        <v>187</v>
      </c>
      <c r="D944" s="23" t="s">
        <v>188</v>
      </c>
      <c r="E944" s="105">
        <v>35954612</v>
      </c>
      <c r="F944" s="19" t="s">
        <v>2151</v>
      </c>
      <c r="G944" s="20">
        <v>4000</v>
      </c>
      <c r="H944" s="20">
        <v>4920</v>
      </c>
      <c r="I944" s="61" t="s">
        <v>223</v>
      </c>
      <c r="J944" s="19">
        <v>1712025</v>
      </c>
    </row>
    <row r="945" spans="1:10" x14ac:dyDescent="0.25">
      <c r="A945" s="171" t="s">
        <v>2152</v>
      </c>
      <c r="B945" s="218">
        <v>45916</v>
      </c>
      <c r="C945" s="94" t="s">
        <v>187</v>
      </c>
      <c r="D945" s="23" t="s">
        <v>188</v>
      </c>
      <c r="E945" s="105">
        <v>35954612</v>
      </c>
      <c r="F945" s="19" t="s">
        <v>2153</v>
      </c>
      <c r="G945" s="20">
        <v>28110</v>
      </c>
      <c r="H945" s="20">
        <v>34575.300000000003</v>
      </c>
      <c r="I945" s="61" t="s">
        <v>223</v>
      </c>
      <c r="J945" s="19">
        <v>1712025</v>
      </c>
    </row>
    <row r="946" spans="1:10" x14ac:dyDescent="0.25">
      <c r="A946" s="171" t="s">
        <v>2154</v>
      </c>
      <c r="B946" s="218">
        <v>45916</v>
      </c>
      <c r="C946" s="94" t="s">
        <v>187</v>
      </c>
      <c r="D946" s="23" t="s">
        <v>188</v>
      </c>
      <c r="E946" s="105">
        <v>35954612</v>
      </c>
      <c r="F946" s="19" t="s">
        <v>2155</v>
      </c>
      <c r="G946" s="20">
        <v>13720</v>
      </c>
      <c r="H946" s="20">
        <v>16875.599999999999</v>
      </c>
      <c r="I946" s="61" t="s">
        <v>223</v>
      </c>
      <c r="J946" s="19">
        <v>1712025</v>
      </c>
    </row>
    <row r="947" spans="1:10" x14ac:dyDescent="0.25">
      <c r="A947" s="171" t="s">
        <v>2156</v>
      </c>
      <c r="B947" s="218">
        <v>45916</v>
      </c>
      <c r="C947" s="94" t="s">
        <v>187</v>
      </c>
      <c r="D947" s="23" t="s">
        <v>188</v>
      </c>
      <c r="E947" s="105">
        <v>35954612</v>
      </c>
      <c r="F947" s="19" t="s">
        <v>2157</v>
      </c>
      <c r="G947" s="20">
        <v>6160</v>
      </c>
      <c r="H947" s="20">
        <v>7576.8</v>
      </c>
      <c r="I947" s="61" t="s">
        <v>223</v>
      </c>
      <c r="J947" s="19">
        <v>1712025</v>
      </c>
    </row>
    <row r="948" spans="1:10" x14ac:dyDescent="0.25">
      <c r="A948" s="171" t="s">
        <v>2158</v>
      </c>
      <c r="B948" s="218">
        <v>45916</v>
      </c>
      <c r="C948" s="94" t="s">
        <v>187</v>
      </c>
      <c r="D948" s="23" t="s">
        <v>188</v>
      </c>
      <c r="E948" s="105">
        <v>35954612</v>
      </c>
      <c r="F948" s="19" t="s">
        <v>2159</v>
      </c>
      <c r="G948" s="20">
        <v>6970</v>
      </c>
      <c r="H948" s="20">
        <v>8573.1</v>
      </c>
      <c r="I948" s="61" t="s">
        <v>223</v>
      </c>
      <c r="J948" s="19">
        <v>1712025</v>
      </c>
    </row>
    <row r="949" spans="1:10" x14ac:dyDescent="0.25">
      <c r="A949" s="171" t="s">
        <v>2160</v>
      </c>
      <c r="B949" s="218">
        <v>45916</v>
      </c>
      <c r="C949" s="94" t="s">
        <v>187</v>
      </c>
      <c r="D949" s="23" t="s">
        <v>188</v>
      </c>
      <c r="E949" s="105">
        <v>35954612</v>
      </c>
      <c r="F949" s="19" t="s">
        <v>2161</v>
      </c>
      <c r="G949" s="20">
        <v>6510</v>
      </c>
      <c r="H949" s="20">
        <v>8007.3</v>
      </c>
      <c r="I949" s="54" t="s">
        <v>223</v>
      </c>
      <c r="J949" s="19">
        <v>1712025</v>
      </c>
    </row>
    <row r="950" spans="1:10" x14ac:dyDescent="0.25">
      <c r="A950" s="171" t="s">
        <v>2162</v>
      </c>
      <c r="B950" s="218">
        <v>45916</v>
      </c>
      <c r="C950" s="94" t="s">
        <v>187</v>
      </c>
      <c r="D950" s="23" t="s">
        <v>188</v>
      </c>
      <c r="E950" s="105">
        <v>35954612</v>
      </c>
      <c r="F950" s="19" t="s">
        <v>2163</v>
      </c>
      <c r="G950" s="20">
        <v>6750</v>
      </c>
      <c r="H950" s="20">
        <v>8302.5</v>
      </c>
      <c r="I950" s="61" t="s">
        <v>223</v>
      </c>
      <c r="J950" s="19">
        <v>1712025</v>
      </c>
    </row>
    <row r="951" spans="1:10" x14ac:dyDescent="0.25">
      <c r="A951" s="171" t="s">
        <v>2164</v>
      </c>
      <c r="B951" s="218">
        <v>45916</v>
      </c>
      <c r="C951" s="94" t="s">
        <v>187</v>
      </c>
      <c r="D951" s="23" t="s">
        <v>188</v>
      </c>
      <c r="E951" s="105">
        <v>35954612</v>
      </c>
      <c r="F951" s="19" t="s">
        <v>2165</v>
      </c>
      <c r="G951" s="24">
        <v>5170</v>
      </c>
      <c r="H951" s="24">
        <v>6359.1</v>
      </c>
      <c r="I951" s="61" t="s">
        <v>223</v>
      </c>
      <c r="J951" s="19">
        <v>1712025</v>
      </c>
    </row>
    <row r="952" spans="1:10" x14ac:dyDescent="0.25">
      <c r="A952" s="171" t="s">
        <v>2166</v>
      </c>
      <c r="B952" s="218">
        <v>45916</v>
      </c>
      <c r="C952" s="94" t="s">
        <v>187</v>
      </c>
      <c r="D952" s="19" t="s">
        <v>188</v>
      </c>
      <c r="E952" s="105">
        <v>35954612</v>
      </c>
      <c r="F952" s="19" t="s">
        <v>2167</v>
      </c>
      <c r="G952" s="24">
        <v>6560</v>
      </c>
      <c r="H952" s="24">
        <v>8068.8</v>
      </c>
      <c r="I952" s="61" t="s">
        <v>223</v>
      </c>
      <c r="J952" s="19">
        <v>1712025</v>
      </c>
    </row>
    <row r="953" spans="1:10" x14ac:dyDescent="0.25">
      <c r="A953" s="171" t="s">
        <v>2168</v>
      </c>
      <c r="B953" s="218">
        <v>45916</v>
      </c>
      <c r="C953" s="94" t="s">
        <v>187</v>
      </c>
      <c r="D953" s="19" t="s">
        <v>188</v>
      </c>
      <c r="E953" s="105">
        <v>35954612</v>
      </c>
      <c r="F953" s="19" t="s">
        <v>2169</v>
      </c>
      <c r="G953" s="24">
        <v>7520</v>
      </c>
      <c r="H953" s="24">
        <v>9249.6</v>
      </c>
      <c r="I953" s="61" t="s">
        <v>223</v>
      </c>
      <c r="J953" s="19">
        <v>1712025</v>
      </c>
    </row>
    <row r="954" spans="1:10" x14ac:dyDescent="0.25">
      <c r="A954" s="171" t="s">
        <v>2170</v>
      </c>
      <c r="B954" s="218">
        <v>45916</v>
      </c>
      <c r="C954" s="143" t="s">
        <v>1482</v>
      </c>
      <c r="D954" s="19" t="s">
        <v>1483</v>
      </c>
      <c r="E954" s="120">
        <v>31348653</v>
      </c>
      <c r="F954" s="85" t="s">
        <v>2171</v>
      </c>
      <c r="G954" s="20">
        <v>314.76</v>
      </c>
      <c r="H954" s="20">
        <v>387.15</v>
      </c>
      <c r="I954" s="144" t="s">
        <v>1485</v>
      </c>
      <c r="J954" s="19">
        <v>2192025</v>
      </c>
    </row>
    <row r="955" spans="1:10" x14ac:dyDescent="0.25">
      <c r="A955" s="171" t="s">
        <v>2172</v>
      </c>
      <c r="B955" s="218">
        <v>45919</v>
      </c>
      <c r="C955" s="94" t="s">
        <v>139</v>
      </c>
      <c r="D955" s="19" t="s">
        <v>140</v>
      </c>
      <c r="E955" s="120">
        <v>47235713</v>
      </c>
      <c r="F955" s="104" t="s">
        <v>2173</v>
      </c>
      <c r="G955" s="20">
        <v>657.81</v>
      </c>
      <c r="H955" s="20">
        <v>782.8</v>
      </c>
      <c r="I955" s="19" t="s">
        <v>142</v>
      </c>
      <c r="J955" s="19"/>
    </row>
    <row r="956" spans="1:10" x14ac:dyDescent="0.25">
      <c r="A956" s="171" t="s">
        <v>2174</v>
      </c>
      <c r="B956" s="218">
        <v>45919</v>
      </c>
      <c r="C956" s="94" t="s">
        <v>2175</v>
      </c>
      <c r="D956" s="19" t="s">
        <v>2176</v>
      </c>
      <c r="E956" s="120">
        <v>50087487</v>
      </c>
      <c r="F956" s="85" t="s">
        <v>2177</v>
      </c>
      <c r="G956" s="20">
        <v>33408</v>
      </c>
      <c r="H956" s="20">
        <v>41091.839999999997</v>
      </c>
      <c r="I956" s="19" t="s">
        <v>2178</v>
      </c>
      <c r="J956" s="19">
        <v>2162025</v>
      </c>
    </row>
    <row r="957" spans="1:10" x14ac:dyDescent="0.25">
      <c r="A957" s="171" t="s">
        <v>2179</v>
      </c>
      <c r="B957" s="218">
        <v>45919</v>
      </c>
      <c r="C957" s="94" t="s">
        <v>1482</v>
      </c>
      <c r="D957" s="19" t="s">
        <v>1483</v>
      </c>
      <c r="E957" s="120">
        <v>31348653</v>
      </c>
      <c r="F957" s="85" t="s">
        <v>2180</v>
      </c>
      <c r="G957" s="20">
        <v>894.88</v>
      </c>
      <c r="H957" s="20">
        <v>1100.7</v>
      </c>
      <c r="I957" s="19" t="s">
        <v>1485</v>
      </c>
      <c r="J957" s="19">
        <v>2442025</v>
      </c>
    </row>
    <row r="958" spans="1:10" x14ac:dyDescent="0.25">
      <c r="A958" s="171" t="s">
        <v>2181</v>
      </c>
      <c r="B958" s="218">
        <v>45919</v>
      </c>
      <c r="C958" s="94" t="s">
        <v>1482</v>
      </c>
      <c r="D958" s="19" t="s">
        <v>1483</v>
      </c>
      <c r="E958" s="120">
        <v>31348653</v>
      </c>
      <c r="F958" s="127" t="s">
        <v>2182</v>
      </c>
      <c r="G958" s="20">
        <v>94.5</v>
      </c>
      <c r="H958" s="20">
        <v>116.24</v>
      </c>
      <c r="I958" s="19" t="s">
        <v>1485</v>
      </c>
      <c r="J958" s="19">
        <v>2462025</v>
      </c>
    </row>
    <row r="959" spans="1:10" x14ac:dyDescent="0.25">
      <c r="A959" s="171" t="s">
        <v>2183</v>
      </c>
      <c r="B959" s="218">
        <v>45919</v>
      </c>
      <c r="C959" s="94" t="s">
        <v>668</v>
      </c>
      <c r="D959" s="23" t="s">
        <v>669</v>
      </c>
      <c r="E959" s="105">
        <v>42137004</v>
      </c>
      <c r="F959" s="85" t="s">
        <v>2184</v>
      </c>
      <c r="G959" s="20">
        <v>2405.7600000000002</v>
      </c>
      <c r="H959" s="20">
        <v>2405.7600000000002</v>
      </c>
      <c r="I959" s="144"/>
      <c r="J959" s="19">
        <v>1592025</v>
      </c>
    </row>
    <row r="960" spans="1:10" x14ac:dyDescent="0.25">
      <c r="A960" s="171" t="s">
        <v>2185</v>
      </c>
      <c r="B960" s="218">
        <v>45918</v>
      </c>
      <c r="C960" s="94" t="s">
        <v>1727</v>
      </c>
      <c r="D960" s="19" t="s">
        <v>473</v>
      </c>
      <c r="E960" s="120">
        <v>31567282</v>
      </c>
      <c r="F960" s="85" t="s">
        <v>1970</v>
      </c>
      <c r="G960" s="20">
        <v>3905</v>
      </c>
      <c r="H960" s="20">
        <v>4803.1499999999996</v>
      </c>
      <c r="I960" s="19" t="s">
        <v>475</v>
      </c>
      <c r="J960" s="23" t="s">
        <v>2186</v>
      </c>
    </row>
    <row r="961" spans="1:10" x14ac:dyDescent="0.25">
      <c r="A961" s="171" t="s">
        <v>2187</v>
      </c>
      <c r="B961" s="218">
        <v>45922</v>
      </c>
      <c r="C961" s="94" t="s">
        <v>2188</v>
      </c>
      <c r="D961" s="19" t="s">
        <v>2189</v>
      </c>
      <c r="E961" s="120">
        <v>47651695</v>
      </c>
      <c r="F961" s="127" t="s">
        <v>2190</v>
      </c>
      <c r="G961" s="20">
        <v>2743.02</v>
      </c>
      <c r="H961" s="20">
        <v>2903.7</v>
      </c>
      <c r="I961" s="19"/>
      <c r="J961" s="19">
        <v>2402025</v>
      </c>
    </row>
    <row r="962" spans="1:10" x14ac:dyDescent="0.25">
      <c r="A962" s="171" t="s">
        <v>2191</v>
      </c>
      <c r="B962" s="218">
        <v>45922</v>
      </c>
      <c r="C962" s="94" t="s">
        <v>725</v>
      </c>
      <c r="D962" s="19" t="s">
        <v>726</v>
      </c>
      <c r="E962" s="120">
        <v>37590286</v>
      </c>
      <c r="F962" s="127" t="s">
        <v>2192</v>
      </c>
      <c r="G962" s="20">
        <v>2200</v>
      </c>
      <c r="H962" s="20">
        <v>2200</v>
      </c>
      <c r="I962" s="19"/>
      <c r="J962" s="19">
        <v>2412025.2392024999</v>
      </c>
    </row>
    <row r="963" spans="1:10" x14ac:dyDescent="0.25">
      <c r="A963" s="171" t="s">
        <v>2193</v>
      </c>
      <c r="B963" s="218">
        <v>45922</v>
      </c>
      <c r="C963" s="94" t="s">
        <v>725</v>
      </c>
      <c r="D963" s="19" t="s">
        <v>726</v>
      </c>
      <c r="E963" s="120">
        <v>37590286</v>
      </c>
      <c r="F963" s="127" t="s">
        <v>2194</v>
      </c>
      <c r="G963" s="20">
        <v>1200</v>
      </c>
      <c r="H963" s="20">
        <v>1200</v>
      </c>
      <c r="I963" s="19"/>
      <c r="J963" s="19">
        <v>2472025</v>
      </c>
    </row>
    <row r="964" spans="1:10" x14ac:dyDescent="0.25">
      <c r="A964" s="171" t="s">
        <v>2195</v>
      </c>
      <c r="B964" s="218">
        <v>45919</v>
      </c>
      <c r="C964" s="94" t="s">
        <v>2116</v>
      </c>
      <c r="D964" s="19" t="s">
        <v>1680</v>
      </c>
      <c r="E964" s="120">
        <v>57111499</v>
      </c>
      <c r="F964" s="127" t="s">
        <v>2196</v>
      </c>
      <c r="G964" s="20">
        <v>800</v>
      </c>
      <c r="H964" s="20">
        <v>800</v>
      </c>
      <c r="I964" s="19"/>
      <c r="J964" s="19">
        <v>2362025</v>
      </c>
    </row>
    <row r="965" spans="1:10" x14ac:dyDescent="0.25">
      <c r="A965" s="171" t="s">
        <v>2197</v>
      </c>
      <c r="B965" s="218">
        <v>45919</v>
      </c>
      <c r="C965" s="94" t="s">
        <v>122</v>
      </c>
      <c r="D965" s="23" t="s">
        <v>123</v>
      </c>
      <c r="E965" s="105">
        <v>46921931</v>
      </c>
      <c r="F965" s="86" t="s">
        <v>2198</v>
      </c>
      <c r="G965" s="24">
        <v>24175.42</v>
      </c>
      <c r="H965" s="24">
        <v>25754.76</v>
      </c>
      <c r="I965" s="144" t="s">
        <v>1175</v>
      </c>
      <c r="J965" s="23"/>
    </row>
    <row r="966" spans="1:10" x14ac:dyDescent="0.25">
      <c r="A966" s="171" t="s">
        <v>2199</v>
      </c>
      <c r="B966" s="218">
        <v>45922</v>
      </c>
      <c r="C966" s="94" t="s">
        <v>127</v>
      </c>
      <c r="D966" s="19" t="s">
        <v>128</v>
      </c>
      <c r="E966" s="120">
        <v>36795135</v>
      </c>
      <c r="F966" s="85" t="s">
        <v>2200</v>
      </c>
      <c r="G966" s="20">
        <v>69</v>
      </c>
      <c r="H966" s="20">
        <v>84.87</v>
      </c>
      <c r="I966" s="144"/>
      <c r="J966" s="19">
        <v>23820025</v>
      </c>
    </row>
    <row r="967" spans="1:10" x14ac:dyDescent="0.25">
      <c r="A967" s="171" t="s">
        <v>2201</v>
      </c>
      <c r="B967" s="218">
        <v>45923</v>
      </c>
      <c r="C967" s="94" t="s">
        <v>389</v>
      </c>
      <c r="D967" s="19" t="s">
        <v>390</v>
      </c>
      <c r="E967" s="120">
        <v>35900831</v>
      </c>
      <c r="F967" s="239" t="s">
        <v>2202</v>
      </c>
      <c r="G967" s="24">
        <v>167.48</v>
      </c>
      <c r="H967" s="24">
        <v>206</v>
      </c>
      <c r="I967" s="61"/>
      <c r="J967" s="19">
        <v>2152025</v>
      </c>
    </row>
    <row r="968" spans="1:10" x14ac:dyDescent="0.25">
      <c r="A968" s="171" t="s">
        <v>2203</v>
      </c>
      <c r="B968" s="218">
        <v>45922</v>
      </c>
      <c r="C968" s="94" t="s">
        <v>720</v>
      </c>
      <c r="D968" s="23" t="s">
        <v>721</v>
      </c>
      <c r="E968" s="105">
        <v>30223288</v>
      </c>
      <c r="F968" s="86" t="s">
        <v>2204</v>
      </c>
      <c r="G968" s="323">
        <v>1753.28</v>
      </c>
      <c r="H968" s="24">
        <v>2156.5300000000002</v>
      </c>
      <c r="I968" s="19" t="s">
        <v>723</v>
      </c>
      <c r="J968" s="23">
        <v>1202025</v>
      </c>
    </row>
    <row r="969" spans="1:10" x14ac:dyDescent="0.25">
      <c r="A969" s="171" t="s">
        <v>2205</v>
      </c>
      <c r="B969" s="218">
        <v>45924</v>
      </c>
      <c r="C969" s="94" t="s">
        <v>450</v>
      </c>
      <c r="D969" s="23" t="s">
        <v>451</v>
      </c>
      <c r="E969" s="120">
        <v>32627211</v>
      </c>
      <c r="F969" s="23" t="s">
        <v>2206</v>
      </c>
      <c r="G969" s="20">
        <v>1793.18</v>
      </c>
      <c r="H969" s="20">
        <v>2205.61</v>
      </c>
      <c r="I969" s="19" t="s">
        <v>1043</v>
      </c>
      <c r="J969" s="19">
        <v>2372025</v>
      </c>
    </row>
    <row r="970" spans="1:10" x14ac:dyDescent="0.25">
      <c r="A970" s="171" t="s">
        <v>2207</v>
      </c>
      <c r="B970" s="218">
        <v>45923</v>
      </c>
      <c r="C970" s="94" t="s">
        <v>2208</v>
      </c>
      <c r="D970" s="19" t="s">
        <v>2209</v>
      </c>
      <c r="E970" s="120">
        <v>35728311</v>
      </c>
      <c r="F970" s="85" t="s">
        <v>2210</v>
      </c>
      <c r="G970" s="20">
        <v>50261.95</v>
      </c>
      <c r="H970" s="20">
        <v>61822.2</v>
      </c>
      <c r="I970" s="19" t="s">
        <v>2211</v>
      </c>
      <c r="J970" s="19"/>
    </row>
    <row r="971" spans="1:10" x14ac:dyDescent="0.25">
      <c r="A971" s="171" t="s">
        <v>2212</v>
      </c>
      <c r="B971" s="218">
        <v>45924</v>
      </c>
      <c r="C971" s="94" t="s">
        <v>122</v>
      </c>
      <c r="D971" s="23" t="s">
        <v>123</v>
      </c>
      <c r="E971" s="105">
        <v>46921931</v>
      </c>
      <c r="F971" s="85" t="s">
        <v>2213</v>
      </c>
      <c r="G971" s="20">
        <v>1959</v>
      </c>
      <c r="H971" s="20">
        <v>2409.5700000000002</v>
      </c>
      <c r="I971" s="19" t="s">
        <v>1175</v>
      </c>
      <c r="J971" s="19">
        <v>1472025</v>
      </c>
    </row>
    <row r="972" spans="1:10" x14ac:dyDescent="0.25">
      <c r="A972" s="171" t="s">
        <v>2214</v>
      </c>
      <c r="B972" s="218">
        <v>45924</v>
      </c>
      <c r="C972" s="94" t="s">
        <v>122</v>
      </c>
      <c r="D972" s="23" t="s">
        <v>123</v>
      </c>
      <c r="E972" s="105">
        <v>46921931</v>
      </c>
      <c r="F972" s="85" t="s">
        <v>2213</v>
      </c>
      <c r="G972" s="20">
        <v>2115</v>
      </c>
      <c r="H972" s="20">
        <v>2601.4499999999998</v>
      </c>
      <c r="I972" s="19" t="s">
        <v>1175</v>
      </c>
      <c r="J972" s="19">
        <v>1232025</v>
      </c>
    </row>
    <row r="973" spans="1:10" x14ac:dyDescent="0.25">
      <c r="A973" s="171" t="s">
        <v>2215</v>
      </c>
      <c r="B973" s="218">
        <v>45923</v>
      </c>
      <c r="C973" s="94" t="s">
        <v>2208</v>
      </c>
      <c r="D973" s="19" t="s">
        <v>2209</v>
      </c>
      <c r="E973" s="120">
        <v>35728311</v>
      </c>
      <c r="F973" s="85" t="s">
        <v>2216</v>
      </c>
      <c r="G973" s="20">
        <v>44244.67</v>
      </c>
      <c r="H973" s="20">
        <v>54420.94</v>
      </c>
      <c r="I973" s="144" t="s">
        <v>2217</v>
      </c>
      <c r="J973" s="19"/>
    </row>
    <row r="974" spans="1:10" x14ac:dyDescent="0.25">
      <c r="A974" s="171" t="s">
        <v>2218</v>
      </c>
      <c r="B974" s="218">
        <v>45924</v>
      </c>
      <c r="C974" s="94" t="s">
        <v>100</v>
      </c>
      <c r="D974" s="19" t="s">
        <v>101</v>
      </c>
      <c r="E974" s="120">
        <v>36769304</v>
      </c>
      <c r="F974" s="23" t="s">
        <v>1170</v>
      </c>
      <c r="G974" s="24">
        <v>210</v>
      </c>
      <c r="H974" s="24">
        <v>258.3</v>
      </c>
      <c r="I974" s="61"/>
      <c r="J974" s="23">
        <v>1052025</v>
      </c>
    </row>
    <row r="975" spans="1:10" x14ac:dyDescent="0.25">
      <c r="A975" s="56" t="s">
        <v>3646</v>
      </c>
      <c r="B975" s="294">
        <v>45929</v>
      </c>
      <c r="C975" s="291" t="s">
        <v>81</v>
      </c>
      <c r="D975" s="302" t="s">
        <v>82</v>
      </c>
      <c r="E975" s="303">
        <v>35697270</v>
      </c>
      <c r="F975" s="276" t="s">
        <v>3647</v>
      </c>
      <c r="G975" s="320">
        <v>181.11</v>
      </c>
      <c r="H975" s="320">
        <v>222.77</v>
      </c>
      <c r="I975" s="61"/>
      <c r="J975" s="23"/>
    </row>
    <row r="976" spans="1:10" x14ac:dyDescent="0.25">
      <c r="A976" s="171" t="s">
        <v>2219</v>
      </c>
      <c r="B976" s="218">
        <v>45929</v>
      </c>
      <c r="C976" s="94" t="s">
        <v>668</v>
      </c>
      <c r="D976" s="23" t="s">
        <v>669</v>
      </c>
      <c r="E976" s="105">
        <v>42137004</v>
      </c>
      <c r="F976" s="127" t="s">
        <v>2220</v>
      </c>
      <c r="G976" s="20">
        <v>1079.6199999999999</v>
      </c>
      <c r="H976" s="20">
        <v>1132.4000000000001</v>
      </c>
      <c r="I976" s="19"/>
      <c r="J976" s="19">
        <v>2422025</v>
      </c>
    </row>
    <row r="977" spans="1:10" x14ac:dyDescent="0.25">
      <c r="A977" s="171" t="s">
        <v>2221</v>
      </c>
      <c r="B977" s="218">
        <v>45930</v>
      </c>
      <c r="C977" s="94" t="s">
        <v>2116</v>
      </c>
      <c r="D977" s="19" t="s">
        <v>1680</v>
      </c>
      <c r="E977" s="120">
        <v>57111499</v>
      </c>
      <c r="F977" s="127" t="s">
        <v>2222</v>
      </c>
      <c r="G977" s="20">
        <v>800</v>
      </c>
      <c r="H977" s="20">
        <v>800</v>
      </c>
      <c r="I977" s="19"/>
      <c r="J977" s="19">
        <v>2182025</v>
      </c>
    </row>
    <row r="978" spans="1:10" x14ac:dyDescent="0.25">
      <c r="A978" s="171" t="s">
        <v>2223</v>
      </c>
      <c r="B978" s="218">
        <v>45931</v>
      </c>
      <c r="C978" s="94" t="s">
        <v>148</v>
      </c>
      <c r="D978" s="23" t="s">
        <v>365</v>
      </c>
      <c r="E978" s="105">
        <v>53227514</v>
      </c>
      <c r="F978" s="85" t="s">
        <v>2224</v>
      </c>
      <c r="G978" s="20">
        <v>15394</v>
      </c>
      <c r="H978" s="24">
        <v>17214.400000000001</v>
      </c>
      <c r="I978" s="23" t="s">
        <v>2093</v>
      </c>
      <c r="J978" s="23"/>
    </row>
    <row r="979" spans="1:10" x14ac:dyDescent="0.25">
      <c r="A979" s="171" t="s">
        <v>2225</v>
      </c>
      <c r="B979" s="218">
        <v>45931</v>
      </c>
      <c r="C979" s="94" t="s">
        <v>148</v>
      </c>
      <c r="D979" s="19" t="s">
        <v>365</v>
      </c>
      <c r="E979" s="120">
        <v>53227514</v>
      </c>
      <c r="F979" s="19" t="s">
        <v>2226</v>
      </c>
      <c r="G979" s="20">
        <v>2500</v>
      </c>
      <c r="H979" s="24">
        <v>3075</v>
      </c>
      <c r="I979" s="23" t="s">
        <v>2093</v>
      </c>
      <c r="J979" s="23"/>
    </row>
    <row r="980" spans="1:10" x14ac:dyDescent="0.25">
      <c r="A980" s="171" t="s">
        <v>2227</v>
      </c>
      <c r="B980" s="218">
        <v>45930</v>
      </c>
      <c r="C980" s="94" t="s">
        <v>122</v>
      </c>
      <c r="D980" s="23" t="s">
        <v>123</v>
      </c>
      <c r="E980" s="105">
        <v>46921931</v>
      </c>
      <c r="F980" s="85" t="s">
        <v>2213</v>
      </c>
      <c r="G980" s="20">
        <v>8224.9500000000007</v>
      </c>
      <c r="H980" s="20">
        <v>10116.69</v>
      </c>
      <c r="I980" s="19" t="s">
        <v>1175</v>
      </c>
      <c r="J980" s="19">
        <v>2002025</v>
      </c>
    </row>
    <row r="981" spans="1:10" x14ac:dyDescent="0.25">
      <c r="A981" s="171" t="s">
        <v>2228</v>
      </c>
      <c r="B981" s="218">
        <v>45930</v>
      </c>
      <c r="C981" s="94" t="s">
        <v>44</v>
      </c>
      <c r="D981" s="23" t="s">
        <v>45</v>
      </c>
      <c r="E981" s="105">
        <v>35731851</v>
      </c>
      <c r="F981" s="23" t="s">
        <v>2229</v>
      </c>
      <c r="G981" s="24">
        <v>350</v>
      </c>
      <c r="H981" s="24">
        <v>430.5</v>
      </c>
      <c r="I981" s="25" t="s">
        <v>47</v>
      </c>
      <c r="J981" s="23">
        <v>1792024</v>
      </c>
    </row>
    <row r="982" spans="1:10" x14ac:dyDescent="0.25">
      <c r="A982" s="171" t="s">
        <v>2230</v>
      </c>
      <c r="B982" s="218">
        <v>45930</v>
      </c>
      <c r="C982" s="94" t="s">
        <v>44</v>
      </c>
      <c r="D982" s="23" t="s">
        <v>45</v>
      </c>
      <c r="E982" s="105">
        <v>35731851</v>
      </c>
      <c r="F982" s="23" t="s">
        <v>2231</v>
      </c>
      <c r="G982" s="24">
        <v>350</v>
      </c>
      <c r="H982" s="24">
        <v>430.5</v>
      </c>
      <c r="I982" s="25" t="s">
        <v>47</v>
      </c>
      <c r="J982" s="23">
        <v>1792024</v>
      </c>
    </row>
    <row r="983" spans="1:10" x14ac:dyDescent="0.25">
      <c r="A983" s="171" t="s">
        <v>2232</v>
      </c>
      <c r="B983" s="218">
        <v>45930</v>
      </c>
      <c r="C983" s="94" t="s">
        <v>44</v>
      </c>
      <c r="D983" s="23" t="s">
        <v>45</v>
      </c>
      <c r="E983" s="105">
        <v>35731851</v>
      </c>
      <c r="F983" s="23" t="s">
        <v>2233</v>
      </c>
      <c r="G983" s="24">
        <v>350</v>
      </c>
      <c r="H983" s="24">
        <v>430.5</v>
      </c>
      <c r="I983" s="25" t="s">
        <v>47</v>
      </c>
      <c r="J983" s="23">
        <v>1792024</v>
      </c>
    </row>
    <row r="984" spans="1:10" x14ac:dyDescent="0.25">
      <c r="A984" s="171" t="s">
        <v>2234</v>
      </c>
      <c r="B984" s="218">
        <v>45930</v>
      </c>
      <c r="C984" s="94" t="s">
        <v>44</v>
      </c>
      <c r="D984" s="23" t="s">
        <v>45</v>
      </c>
      <c r="E984" s="105">
        <v>35731851</v>
      </c>
      <c r="F984" s="23" t="s">
        <v>2235</v>
      </c>
      <c r="G984" s="24">
        <v>350</v>
      </c>
      <c r="H984" s="24">
        <v>430.5</v>
      </c>
      <c r="I984" s="25" t="s">
        <v>47</v>
      </c>
      <c r="J984" s="23">
        <v>1792024</v>
      </c>
    </row>
    <row r="985" spans="1:10" x14ac:dyDescent="0.25">
      <c r="A985" s="171" t="s">
        <v>2236</v>
      </c>
      <c r="B985" s="218">
        <v>45930</v>
      </c>
      <c r="C985" s="94" t="s">
        <v>44</v>
      </c>
      <c r="D985" s="23" t="s">
        <v>45</v>
      </c>
      <c r="E985" s="136">
        <v>35731851</v>
      </c>
      <c r="F985" s="23" t="s">
        <v>2237</v>
      </c>
      <c r="G985" s="24">
        <v>350</v>
      </c>
      <c r="H985" s="24">
        <v>430.5</v>
      </c>
      <c r="I985" s="25" t="s">
        <v>47</v>
      </c>
      <c r="J985" s="23">
        <v>1792024</v>
      </c>
    </row>
    <row r="986" spans="1:10" x14ac:dyDescent="0.25">
      <c r="A986" s="171" t="s">
        <v>2238</v>
      </c>
      <c r="B986" s="218">
        <v>45930</v>
      </c>
      <c r="C986" s="94" t="s">
        <v>44</v>
      </c>
      <c r="D986" s="23" t="s">
        <v>45</v>
      </c>
      <c r="E986" s="105">
        <v>35731851</v>
      </c>
      <c r="F986" s="23" t="s">
        <v>2239</v>
      </c>
      <c r="G986" s="24">
        <v>350</v>
      </c>
      <c r="H986" s="24">
        <v>430.5</v>
      </c>
      <c r="I986" s="25" t="s">
        <v>47</v>
      </c>
      <c r="J986" s="23">
        <v>1792024</v>
      </c>
    </row>
    <row r="987" spans="1:10" x14ac:dyDescent="0.25">
      <c r="A987" s="171" t="s">
        <v>2240</v>
      </c>
      <c r="B987" s="218">
        <v>45930</v>
      </c>
      <c r="C987" s="91" t="s">
        <v>44</v>
      </c>
      <c r="D987" s="23" t="s">
        <v>45</v>
      </c>
      <c r="E987" s="105">
        <v>35731851</v>
      </c>
      <c r="F987" s="23" t="s">
        <v>2241</v>
      </c>
      <c r="G987" s="24">
        <v>350</v>
      </c>
      <c r="H987" s="24">
        <v>430.5</v>
      </c>
      <c r="I987" s="25" t="s">
        <v>47</v>
      </c>
      <c r="J987" s="23">
        <v>1792024</v>
      </c>
    </row>
    <row r="988" spans="1:10" x14ac:dyDescent="0.25">
      <c r="A988" s="171" t="s">
        <v>2242</v>
      </c>
      <c r="B988" s="218">
        <v>45930</v>
      </c>
      <c r="C988" s="91" t="s">
        <v>44</v>
      </c>
      <c r="D988" s="23" t="s">
        <v>45</v>
      </c>
      <c r="E988" s="105">
        <v>35731851</v>
      </c>
      <c r="F988" s="23" t="s">
        <v>2243</v>
      </c>
      <c r="G988" s="24">
        <v>350</v>
      </c>
      <c r="H988" s="24">
        <v>430.5</v>
      </c>
      <c r="I988" s="61" t="s">
        <v>47</v>
      </c>
      <c r="J988" s="23">
        <v>1792024</v>
      </c>
    </row>
    <row r="989" spans="1:10" x14ac:dyDescent="0.25">
      <c r="A989" s="171" t="s">
        <v>2244</v>
      </c>
      <c r="B989" s="218">
        <v>45931</v>
      </c>
      <c r="C989" s="91" t="s">
        <v>171</v>
      </c>
      <c r="D989" s="23" t="s">
        <v>369</v>
      </c>
      <c r="E989" s="105">
        <v>35889063</v>
      </c>
      <c r="F989" s="23" t="s">
        <v>2245</v>
      </c>
      <c r="G989" s="24">
        <v>317086.05</v>
      </c>
      <c r="H989" s="24">
        <v>337828.47</v>
      </c>
      <c r="I989" s="25" t="s">
        <v>699</v>
      </c>
      <c r="J989" s="23"/>
    </row>
    <row r="990" spans="1:10" x14ac:dyDescent="0.25">
      <c r="A990" s="171" t="s">
        <v>2246</v>
      </c>
      <c r="B990" s="218">
        <v>45931</v>
      </c>
      <c r="C990" s="94" t="s">
        <v>68</v>
      </c>
      <c r="D990" s="19" t="s">
        <v>771</v>
      </c>
      <c r="E990" s="120">
        <v>51906988</v>
      </c>
      <c r="F990" s="19" t="s">
        <v>2247</v>
      </c>
      <c r="G990" s="20">
        <v>882.08</v>
      </c>
      <c r="H990" s="20">
        <v>1084.96</v>
      </c>
      <c r="I990" s="19" t="s">
        <v>71</v>
      </c>
      <c r="J990" s="19"/>
    </row>
    <row r="991" spans="1:10" x14ac:dyDescent="0.25">
      <c r="A991" s="171" t="s">
        <v>2248</v>
      </c>
      <c r="B991" s="218">
        <v>45931</v>
      </c>
      <c r="C991" s="94" t="s">
        <v>2116</v>
      </c>
      <c r="D991" s="23" t="s">
        <v>1680</v>
      </c>
      <c r="E991" s="105">
        <v>57111499</v>
      </c>
      <c r="F991" s="104" t="s">
        <v>2249</v>
      </c>
      <c r="G991" s="20">
        <v>800</v>
      </c>
      <c r="H991" s="20">
        <v>800</v>
      </c>
      <c r="I991" s="19"/>
      <c r="J991" s="19">
        <v>2562025</v>
      </c>
    </row>
    <row r="992" spans="1:10" x14ac:dyDescent="0.25">
      <c r="A992" s="171" t="s">
        <v>2250</v>
      </c>
      <c r="B992" s="218">
        <v>45931</v>
      </c>
      <c r="C992" s="94" t="s">
        <v>2116</v>
      </c>
      <c r="D992" s="23" t="s">
        <v>1680</v>
      </c>
      <c r="E992" s="105">
        <v>57111499</v>
      </c>
      <c r="F992" s="104" t="s">
        <v>2251</v>
      </c>
      <c r="G992" s="20">
        <v>1500</v>
      </c>
      <c r="H992" s="20">
        <v>1500</v>
      </c>
      <c r="I992" s="19"/>
      <c r="J992" s="19">
        <v>2572025</v>
      </c>
    </row>
    <row r="993" spans="1:10" x14ac:dyDescent="0.25">
      <c r="A993" s="171" t="s">
        <v>2252</v>
      </c>
      <c r="B993" s="218">
        <v>45931</v>
      </c>
      <c r="C993" s="94" t="s">
        <v>134</v>
      </c>
      <c r="D993" s="19" t="s">
        <v>369</v>
      </c>
      <c r="E993" s="105">
        <v>35889063</v>
      </c>
      <c r="F993" s="23" t="s">
        <v>2253</v>
      </c>
      <c r="G993" s="24">
        <v>100</v>
      </c>
      <c r="H993" s="24">
        <v>100</v>
      </c>
      <c r="I993" s="25" t="s">
        <v>1341</v>
      </c>
      <c r="J993" s="23"/>
    </row>
    <row r="994" spans="1:10" x14ac:dyDescent="0.25">
      <c r="A994" s="171" t="s">
        <v>2254</v>
      </c>
      <c r="B994" s="218">
        <v>45931</v>
      </c>
      <c r="C994" s="94" t="s">
        <v>1482</v>
      </c>
      <c r="D994" s="19" t="s">
        <v>1483</v>
      </c>
      <c r="E994" s="120">
        <v>31348653</v>
      </c>
      <c r="F994" s="127" t="s">
        <v>2255</v>
      </c>
      <c r="G994" s="20">
        <v>471.09</v>
      </c>
      <c r="H994" s="20">
        <v>579.44000000000005</v>
      </c>
      <c r="I994" s="19" t="s">
        <v>1485</v>
      </c>
      <c r="J994" s="19">
        <v>2662025</v>
      </c>
    </row>
    <row r="995" spans="1:10" x14ac:dyDescent="0.25">
      <c r="A995" s="171" t="s">
        <v>2256</v>
      </c>
      <c r="B995" s="218">
        <v>45931</v>
      </c>
      <c r="C995" s="94" t="s">
        <v>1482</v>
      </c>
      <c r="D995" s="19" t="s">
        <v>1483</v>
      </c>
      <c r="E995" s="120">
        <v>31348653</v>
      </c>
      <c r="F995" s="127" t="s">
        <v>2257</v>
      </c>
      <c r="G995" s="20">
        <v>253.34</v>
      </c>
      <c r="H995" s="20">
        <v>311.61</v>
      </c>
      <c r="I995" s="19" t="s">
        <v>1485</v>
      </c>
      <c r="J995" s="19">
        <v>2672025</v>
      </c>
    </row>
    <row r="996" spans="1:10" x14ac:dyDescent="0.25">
      <c r="A996" s="171" t="s">
        <v>2258</v>
      </c>
      <c r="B996" s="218">
        <v>45931</v>
      </c>
      <c r="C996" s="94" t="s">
        <v>1482</v>
      </c>
      <c r="D996" s="19" t="s">
        <v>1483</v>
      </c>
      <c r="E996" s="120">
        <v>31348653</v>
      </c>
      <c r="F996" s="263" t="s">
        <v>2259</v>
      </c>
      <c r="G996" s="20">
        <v>444.08</v>
      </c>
      <c r="H996" s="20">
        <v>546.22</v>
      </c>
      <c r="I996" s="19" t="s">
        <v>1485</v>
      </c>
      <c r="J996" s="19">
        <v>2652025</v>
      </c>
    </row>
    <row r="997" spans="1:10" x14ac:dyDescent="0.25">
      <c r="A997" s="171" t="s">
        <v>2260</v>
      </c>
      <c r="B997" s="218">
        <v>45931</v>
      </c>
      <c r="C997" s="94" t="s">
        <v>1482</v>
      </c>
      <c r="D997" s="19" t="s">
        <v>1483</v>
      </c>
      <c r="E997" s="120">
        <v>31348653</v>
      </c>
      <c r="F997" s="127" t="s">
        <v>2261</v>
      </c>
      <c r="G997" s="20">
        <v>269.33999999999997</v>
      </c>
      <c r="H997" s="20">
        <v>364.5</v>
      </c>
      <c r="I997" s="19" t="s">
        <v>1485</v>
      </c>
      <c r="J997" s="19">
        <v>2682025</v>
      </c>
    </row>
    <row r="998" spans="1:10" x14ac:dyDescent="0.25">
      <c r="A998" s="171" t="s">
        <v>2262</v>
      </c>
      <c r="B998" s="218">
        <v>45931</v>
      </c>
      <c r="C998" s="94" t="s">
        <v>774</v>
      </c>
      <c r="D998" s="19" t="s">
        <v>775</v>
      </c>
      <c r="E998" s="120">
        <v>36857165</v>
      </c>
      <c r="F998" s="174" t="s">
        <v>2263</v>
      </c>
      <c r="G998" s="20">
        <v>4.99</v>
      </c>
      <c r="H998" s="20">
        <v>6.14</v>
      </c>
      <c r="I998" s="19" t="s">
        <v>1789</v>
      </c>
      <c r="J998" s="19"/>
    </row>
    <row r="999" spans="1:10" x14ac:dyDescent="0.25">
      <c r="A999" s="171" t="s">
        <v>2264</v>
      </c>
      <c r="B999" s="218">
        <v>45931</v>
      </c>
      <c r="C999" s="94" t="s">
        <v>127</v>
      </c>
      <c r="D999" s="23" t="s">
        <v>128</v>
      </c>
      <c r="E999" s="105">
        <v>36795135</v>
      </c>
      <c r="F999" s="86" t="s">
        <v>2265</v>
      </c>
      <c r="G999" s="24">
        <v>854.2</v>
      </c>
      <c r="H999" s="24">
        <v>1050.67</v>
      </c>
      <c r="I999" s="25" t="s">
        <v>2075</v>
      </c>
      <c r="J999" s="23"/>
    </row>
    <row r="1000" spans="1:10" x14ac:dyDescent="0.25">
      <c r="A1000" s="171" t="s">
        <v>2266</v>
      </c>
      <c r="B1000" s="218">
        <v>45931</v>
      </c>
      <c r="C1000" s="94" t="s">
        <v>127</v>
      </c>
      <c r="D1000" s="19" t="s">
        <v>128</v>
      </c>
      <c r="E1000" s="120">
        <v>36795135</v>
      </c>
      <c r="F1000" s="19" t="s">
        <v>2267</v>
      </c>
      <c r="G1000" s="20">
        <v>6648.86</v>
      </c>
      <c r="H1000" s="20">
        <v>6648.86</v>
      </c>
      <c r="I1000" s="61" t="s">
        <v>963</v>
      </c>
      <c r="J1000" s="19"/>
    </row>
    <row r="1001" spans="1:10" x14ac:dyDescent="0.25">
      <c r="A1001" s="171" t="s">
        <v>2268</v>
      </c>
      <c r="B1001" s="218">
        <v>45931</v>
      </c>
      <c r="C1001" s="94" t="s">
        <v>127</v>
      </c>
      <c r="D1001" s="19" t="s">
        <v>128</v>
      </c>
      <c r="E1001" s="120">
        <v>36795135</v>
      </c>
      <c r="F1001" s="266" t="s">
        <v>2269</v>
      </c>
      <c r="G1001" s="20">
        <v>2142.4</v>
      </c>
      <c r="H1001" s="20">
        <v>2619.73</v>
      </c>
      <c r="I1001" s="61" t="s">
        <v>130</v>
      </c>
      <c r="J1001" s="19"/>
    </row>
    <row r="1002" spans="1:10" x14ac:dyDescent="0.25">
      <c r="A1002" s="171" t="s">
        <v>2270</v>
      </c>
      <c r="B1002" s="218">
        <v>45932</v>
      </c>
      <c r="C1002" s="94" t="s">
        <v>139</v>
      </c>
      <c r="D1002" s="19" t="s">
        <v>140</v>
      </c>
      <c r="E1002" s="138">
        <v>47235713</v>
      </c>
      <c r="F1002" s="260" t="s">
        <v>2271</v>
      </c>
      <c r="G1002" s="324">
        <v>26336.080000000002</v>
      </c>
      <c r="H1002" s="24">
        <v>27188.81</v>
      </c>
      <c r="I1002" s="23" t="s">
        <v>1999</v>
      </c>
      <c r="J1002" s="23"/>
    </row>
    <row r="1003" spans="1:10" x14ac:dyDescent="0.25">
      <c r="A1003" s="171" t="s">
        <v>2272</v>
      </c>
      <c r="B1003" s="218">
        <v>45932</v>
      </c>
      <c r="C1003" s="94" t="s">
        <v>139</v>
      </c>
      <c r="D1003" s="19" t="s">
        <v>140</v>
      </c>
      <c r="E1003" s="120">
        <v>47235713</v>
      </c>
      <c r="F1003" s="23" t="s">
        <v>2273</v>
      </c>
      <c r="G1003" s="24">
        <v>1747.6</v>
      </c>
      <c r="H1003" s="24">
        <v>2149.5500000000002</v>
      </c>
      <c r="I1003" s="23" t="s">
        <v>1999</v>
      </c>
      <c r="J1003" s="23"/>
    </row>
    <row r="1004" spans="1:10" x14ac:dyDescent="0.25">
      <c r="A1004" s="171" t="s">
        <v>2274</v>
      </c>
      <c r="B1004" s="218">
        <v>45932</v>
      </c>
      <c r="C1004" s="91" t="s">
        <v>139</v>
      </c>
      <c r="D1004" s="23" t="s">
        <v>140</v>
      </c>
      <c r="E1004" s="105">
        <v>47235713</v>
      </c>
      <c r="F1004" s="23" t="s">
        <v>2275</v>
      </c>
      <c r="G1004" s="24">
        <v>6434.5</v>
      </c>
      <c r="H1004" s="24">
        <v>7914.44</v>
      </c>
      <c r="I1004" s="23" t="s">
        <v>1999</v>
      </c>
      <c r="J1004" s="23"/>
    </row>
    <row r="1005" spans="1:10" x14ac:dyDescent="0.25">
      <c r="A1005" s="171" t="s">
        <v>2276</v>
      </c>
      <c r="B1005" s="218">
        <v>45932</v>
      </c>
      <c r="C1005" s="94" t="s">
        <v>139</v>
      </c>
      <c r="D1005" s="23" t="s">
        <v>140</v>
      </c>
      <c r="E1005" s="105">
        <v>47235713</v>
      </c>
      <c r="F1005" s="91" t="s">
        <v>2277</v>
      </c>
      <c r="G1005" s="24">
        <v>20</v>
      </c>
      <c r="H1005" s="24">
        <v>24.6</v>
      </c>
      <c r="I1005" s="23" t="s">
        <v>1999</v>
      </c>
      <c r="J1005" s="23"/>
    </row>
    <row r="1006" spans="1:10" x14ac:dyDescent="0.25">
      <c r="A1006" s="171" t="s">
        <v>2278</v>
      </c>
      <c r="B1006" s="218">
        <v>45933</v>
      </c>
      <c r="C1006" s="94" t="s">
        <v>81</v>
      </c>
      <c r="D1006" s="23" t="s">
        <v>82</v>
      </c>
      <c r="E1006" s="105">
        <v>35697270</v>
      </c>
      <c r="F1006" s="91" t="s">
        <v>2279</v>
      </c>
      <c r="G1006" s="24">
        <v>4.08</v>
      </c>
      <c r="H1006" s="24">
        <v>5.0199999999999996</v>
      </c>
      <c r="I1006" s="61" t="s">
        <v>84</v>
      </c>
      <c r="J1006" s="23"/>
    </row>
    <row r="1007" spans="1:10" x14ac:dyDescent="0.25">
      <c r="A1007" s="171" t="s">
        <v>2280</v>
      </c>
      <c r="B1007" s="218">
        <v>45933</v>
      </c>
      <c r="C1007" s="91" t="s">
        <v>81</v>
      </c>
      <c r="D1007" s="23" t="s">
        <v>82</v>
      </c>
      <c r="E1007" s="105">
        <v>35697270</v>
      </c>
      <c r="F1007" s="23" t="s">
        <v>2281</v>
      </c>
      <c r="G1007" s="24">
        <v>4.08</v>
      </c>
      <c r="H1007" s="24">
        <v>5.0199999999999996</v>
      </c>
      <c r="I1007" s="23" t="s">
        <v>84</v>
      </c>
      <c r="J1007" s="23"/>
    </row>
    <row r="1008" spans="1:10" x14ac:dyDescent="0.25">
      <c r="A1008" s="171" t="s">
        <v>2282</v>
      </c>
      <c r="B1008" s="218">
        <v>45933</v>
      </c>
      <c r="C1008" s="91" t="s">
        <v>81</v>
      </c>
      <c r="D1008" s="23" t="s">
        <v>82</v>
      </c>
      <c r="E1008" s="105">
        <v>35697270</v>
      </c>
      <c r="F1008" s="23" t="s">
        <v>2283</v>
      </c>
      <c r="G1008" s="24">
        <v>4.08</v>
      </c>
      <c r="H1008" s="24">
        <v>5.0199999999999996</v>
      </c>
      <c r="I1008" s="25" t="s">
        <v>84</v>
      </c>
      <c r="J1008" s="23"/>
    </row>
    <row r="1009" spans="1:10" x14ac:dyDescent="0.25">
      <c r="A1009" s="171" t="s">
        <v>2284</v>
      </c>
      <c r="B1009" s="218">
        <v>45933</v>
      </c>
      <c r="C1009" s="94" t="s">
        <v>1533</v>
      </c>
      <c r="D1009" s="23" t="s">
        <v>106</v>
      </c>
      <c r="E1009" s="105">
        <v>31327681</v>
      </c>
      <c r="F1009" s="86" t="s">
        <v>2285</v>
      </c>
      <c r="G1009" s="20">
        <v>7045.01</v>
      </c>
      <c r="H1009" s="20">
        <v>8665.36</v>
      </c>
      <c r="I1009" s="19" t="s">
        <v>108</v>
      </c>
      <c r="J1009" s="19">
        <v>142025</v>
      </c>
    </row>
    <row r="1010" spans="1:10" x14ac:dyDescent="0.25">
      <c r="A1010" s="171" t="s">
        <v>2286</v>
      </c>
      <c r="B1010" s="218">
        <v>45933</v>
      </c>
      <c r="C1010" s="94" t="s">
        <v>63</v>
      </c>
      <c r="D1010" s="19" t="s">
        <v>64</v>
      </c>
      <c r="E1010" s="120">
        <v>35872900</v>
      </c>
      <c r="F1010" s="85" t="s">
        <v>2287</v>
      </c>
      <c r="G1010" s="20">
        <v>1500</v>
      </c>
      <c r="H1010" s="20">
        <v>1845</v>
      </c>
      <c r="I1010" s="19" t="s">
        <v>1795</v>
      </c>
      <c r="J1010" s="19">
        <v>1812025</v>
      </c>
    </row>
    <row r="1011" spans="1:10" x14ac:dyDescent="0.25">
      <c r="A1011" s="171" t="s">
        <v>2288</v>
      </c>
      <c r="B1011" s="218">
        <v>45932</v>
      </c>
      <c r="C1011" s="94" t="s">
        <v>2289</v>
      </c>
      <c r="D1011" s="19" t="s">
        <v>2290</v>
      </c>
      <c r="E1011" s="138">
        <v>31563538</v>
      </c>
      <c r="F1011" s="85" t="s">
        <v>2291</v>
      </c>
      <c r="G1011" s="20">
        <v>139440</v>
      </c>
      <c r="H1011" s="20">
        <v>171511.2</v>
      </c>
      <c r="I1011" s="19" t="s">
        <v>2292</v>
      </c>
      <c r="J1011" s="19"/>
    </row>
    <row r="1012" spans="1:10" x14ac:dyDescent="0.25">
      <c r="A1012" s="171" t="s">
        <v>2293</v>
      </c>
      <c r="B1012" s="218">
        <v>45933</v>
      </c>
      <c r="C1012" s="94" t="s">
        <v>117</v>
      </c>
      <c r="D1012" s="23" t="s">
        <v>118</v>
      </c>
      <c r="E1012" s="136">
        <v>46380434</v>
      </c>
      <c r="F1012" s="91" t="s">
        <v>2294</v>
      </c>
      <c r="G1012" s="24">
        <v>1045</v>
      </c>
      <c r="H1012" s="24">
        <v>1285.3499999999999</v>
      </c>
      <c r="I1012" s="25" t="s">
        <v>120</v>
      </c>
      <c r="J1012" s="23"/>
    </row>
    <row r="1013" spans="1:10" x14ac:dyDescent="0.25">
      <c r="A1013" s="171" t="s">
        <v>2295</v>
      </c>
      <c r="B1013" s="218">
        <v>45933</v>
      </c>
      <c r="C1013" s="94" t="s">
        <v>302</v>
      </c>
      <c r="D1013" s="23" t="s">
        <v>1691</v>
      </c>
      <c r="E1013" s="105">
        <v>42156424</v>
      </c>
      <c r="F1013" s="86" t="s">
        <v>1692</v>
      </c>
      <c r="G1013" s="24">
        <v>1.6</v>
      </c>
      <c r="H1013" s="24">
        <v>1.97</v>
      </c>
      <c r="I1013" s="23"/>
      <c r="J1013" s="23">
        <v>2212025</v>
      </c>
    </row>
    <row r="1014" spans="1:10" x14ac:dyDescent="0.25">
      <c r="A1014" s="171" t="s">
        <v>2296</v>
      </c>
      <c r="B1014" s="218">
        <v>45933</v>
      </c>
      <c r="C1014" s="94" t="s">
        <v>302</v>
      </c>
      <c r="D1014" s="23" t="s">
        <v>1691</v>
      </c>
      <c r="E1014" s="105">
        <v>42156424</v>
      </c>
      <c r="F1014" s="86" t="s">
        <v>2297</v>
      </c>
      <c r="G1014" s="24">
        <v>720</v>
      </c>
      <c r="H1014" s="24">
        <v>885.6</v>
      </c>
      <c r="I1014" s="23"/>
      <c r="J1014" s="23">
        <v>2212025</v>
      </c>
    </row>
    <row r="1015" spans="1:10" x14ac:dyDescent="0.25">
      <c r="A1015" s="171" t="s">
        <v>2298</v>
      </c>
      <c r="B1015" s="218">
        <v>45933</v>
      </c>
      <c r="C1015" s="94" t="s">
        <v>2085</v>
      </c>
      <c r="D1015" s="26" t="s">
        <v>2050</v>
      </c>
      <c r="E1015" s="114">
        <v>47259116</v>
      </c>
      <c r="F1015" s="26" t="s">
        <v>2299</v>
      </c>
      <c r="G1015" s="20">
        <v>2248.81</v>
      </c>
      <c r="H1015" s="20">
        <v>2766.04</v>
      </c>
      <c r="I1015" s="19" t="s">
        <v>2087</v>
      </c>
      <c r="J1015" s="19"/>
    </row>
    <row r="1016" spans="1:10" x14ac:dyDescent="0.25">
      <c r="A1016" s="171" t="s">
        <v>2300</v>
      </c>
      <c r="B1016" s="218">
        <v>45936</v>
      </c>
      <c r="C1016" s="94" t="s">
        <v>1274</v>
      </c>
      <c r="D1016" s="19" t="s">
        <v>1275</v>
      </c>
      <c r="E1016" s="120">
        <v>49450301</v>
      </c>
      <c r="F1016" s="19" t="s">
        <v>1276</v>
      </c>
      <c r="G1016" s="20">
        <v>76.92</v>
      </c>
      <c r="H1016" s="24">
        <v>76.92</v>
      </c>
      <c r="I1016" s="61" t="s">
        <v>98</v>
      </c>
      <c r="J1016" s="19"/>
    </row>
    <row r="1017" spans="1:10" x14ac:dyDescent="0.25">
      <c r="A1017" s="171" t="s">
        <v>2301</v>
      </c>
      <c r="B1017" s="218">
        <v>45936</v>
      </c>
      <c r="C1017" s="94" t="s">
        <v>95</v>
      </c>
      <c r="D1017" s="19" t="s">
        <v>96</v>
      </c>
      <c r="E1017" s="120">
        <v>31322832</v>
      </c>
      <c r="F1017" s="19" t="s">
        <v>2302</v>
      </c>
      <c r="G1017" s="20">
        <v>5249.48</v>
      </c>
      <c r="H1017" s="20">
        <v>6415.47</v>
      </c>
      <c r="I1017" s="19" t="s">
        <v>98</v>
      </c>
      <c r="J1017" s="19"/>
    </row>
    <row r="1018" spans="1:10" x14ac:dyDescent="0.25">
      <c r="A1018" s="171" t="s">
        <v>2303</v>
      </c>
      <c r="B1018" s="218">
        <v>45936</v>
      </c>
      <c r="C1018" s="94" t="s">
        <v>2116</v>
      </c>
      <c r="D1018" s="23" t="s">
        <v>1680</v>
      </c>
      <c r="E1018" s="105">
        <v>57111499</v>
      </c>
      <c r="F1018" s="139" t="s">
        <v>2304</v>
      </c>
      <c r="G1018" s="20">
        <v>800</v>
      </c>
      <c r="H1018" s="20">
        <v>800</v>
      </c>
      <c r="I1018" s="19"/>
      <c r="J1018" s="19">
        <v>2492025</v>
      </c>
    </row>
    <row r="1019" spans="1:10" x14ac:dyDescent="0.25">
      <c r="A1019" s="171" t="s">
        <v>2305</v>
      </c>
      <c r="B1019" s="218">
        <v>45936</v>
      </c>
      <c r="C1019" s="94" t="s">
        <v>164</v>
      </c>
      <c r="D1019" s="23" t="s">
        <v>165</v>
      </c>
      <c r="E1019" s="105">
        <v>43799485</v>
      </c>
      <c r="F1019" s="23" t="s">
        <v>2306</v>
      </c>
      <c r="G1019" s="24">
        <v>3000</v>
      </c>
      <c r="H1019" s="24">
        <v>3670</v>
      </c>
      <c r="I1019" s="25" t="s">
        <v>167</v>
      </c>
      <c r="J1019" s="23"/>
    </row>
    <row r="1020" spans="1:10" x14ac:dyDescent="0.25">
      <c r="A1020" s="171" t="s">
        <v>2307</v>
      </c>
      <c r="B1020" s="218">
        <v>45936</v>
      </c>
      <c r="C1020" s="94" t="s">
        <v>164</v>
      </c>
      <c r="D1020" s="23" t="s">
        <v>165</v>
      </c>
      <c r="E1020" s="105">
        <v>43799485</v>
      </c>
      <c r="F1020" s="23" t="s">
        <v>2308</v>
      </c>
      <c r="G1020" s="24">
        <v>17868.330000000002</v>
      </c>
      <c r="H1020" s="24">
        <v>18006.330000000002</v>
      </c>
      <c r="I1020" s="25" t="s">
        <v>167</v>
      </c>
      <c r="J1020" s="23"/>
    </row>
    <row r="1021" spans="1:10" x14ac:dyDescent="0.25">
      <c r="A1021" s="171" t="s">
        <v>2309</v>
      </c>
      <c r="B1021" s="218">
        <v>45936</v>
      </c>
      <c r="C1021" s="94" t="s">
        <v>2033</v>
      </c>
      <c r="D1021" s="19" t="s">
        <v>1265</v>
      </c>
      <c r="E1021" s="120">
        <v>35722533</v>
      </c>
      <c r="F1021" s="19" t="s">
        <v>2310</v>
      </c>
      <c r="G1021" s="20">
        <v>3526</v>
      </c>
      <c r="H1021" s="20">
        <v>4336.9799999999996</v>
      </c>
      <c r="I1021" s="19" t="s">
        <v>18</v>
      </c>
      <c r="J1021" s="19"/>
    </row>
    <row r="1022" spans="1:10" x14ac:dyDescent="0.25">
      <c r="A1022" s="171" t="s">
        <v>2311</v>
      </c>
      <c r="B1022" s="218">
        <v>45936</v>
      </c>
      <c r="C1022" s="94" t="s">
        <v>2033</v>
      </c>
      <c r="D1022" s="30" t="s">
        <v>1265</v>
      </c>
      <c r="E1022" s="167">
        <v>35722533</v>
      </c>
      <c r="F1022" s="85" t="s">
        <v>2312</v>
      </c>
      <c r="G1022" s="20">
        <v>39200</v>
      </c>
      <c r="H1022" s="20">
        <v>48216</v>
      </c>
      <c r="I1022" s="19" t="s">
        <v>18</v>
      </c>
      <c r="J1022" s="30">
        <v>1322025</v>
      </c>
    </row>
    <row r="1023" spans="1:10" x14ac:dyDescent="0.25">
      <c r="A1023" s="171" t="s">
        <v>2313</v>
      </c>
      <c r="B1023" s="218">
        <v>45933</v>
      </c>
      <c r="C1023" s="94" t="s">
        <v>455</v>
      </c>
      <c r="D1023" s="23" t="s">
        <v>607</v>
      </c>
      <c r="E1023" s="105">
        <v>31609058</v>
      </c>
      <c r="F1023" s="23" t="s">
        <v>2314</v>
      </c>
      <c r="G1023" s="24">
        <v>720</v>
      </c>
      <c r="H1023" s="24">
        <v>885.6</v>
      </c>
      <c r="I1023" s="23" t="s">
        <v>458</v>
      </c>
      <c r="J1023" s="23"/>
    </row>
    <row r="1024" spans="1:10" x14ac:dyDescent="0.25">
      <c r="A1024" s="171" t="s">
        <v>2315</v>
      </c>
      <c r="B1024" s="218">
        <v>45936</v>
      </c>
      <c r="C1024" s="94" t="s">
        <v>455</v>
      </c>
      <c r="D1024" s="23" t="s">
        <v>607</v>
      </c>
      <c r="E1024" s="105">
        <v>31609058</v>
      </c>
      <c r="F1024" s="23" t="s">
        <v>2316</v>
      </c>
      <c r="G1024" s="24">
        <v>159.6</v>
      </c>
      <c r="H1024" s="24">
        <v>196.31</v>
      </c>
      <c r="I1024" s="23" t="s">
        <v>458</v>
      </c>
      <c r="J1024" s="23"/>
    </row>
    <row r="1025" spans="1:10" x14ac:dyDescent="0.25">
      <c r="A1025" s="171" t="s">
        <v>2317</v>
      </c>
      <c r="B1025" s="218">
        <v>45936</v>
      </c>
      <c r="C1025" s="94" t="s">
        <v>2318</v>
      </c>
      <c r="D1025" s="19" t="s">
        <v>2319</v>
      </c>
      <c r="E1025" s="120">
        <v>36627909</v>
      </c>
      <c r="F1025" s="127" t="s">
        <v>2320</v>
      </c>
      <c r="G1025" s="20">
        <v>2537.98</v>
      </c>
      <c r="H1025" s="20">
        <v>2700</v>
      </c>
      <c r="I1025" s="19"/>
      <c r="J1025" s="19">
        <v>2722025</v>
      </c>
    </row>
    <row r="1026" spans="1:10" x14ac:dyDescent="0.25">
      <c r="A1026" s="171" t="s">
        <v>2321</v>
      </c>
      <c r="B1026" s="218">
        <v>45936</v>
      </c>
      <c r="C1026" s="94" t="s">
        <v>389</v>
      </c>
      <c r="D1026" s="19" t="s">
        <v>390</v>
      </c>
      <c r="E1026" s="120">
        <v>35900831</v>
      </c>
      <c r="F1026" s="127" t="s">
        <v>2322</v>
      </c>
      <c r="G1026" s="325">
        <v>236.59</v>
      </c>
      <c r="H1026" s="325">
        <v>291</v>
      </c>
      <c r="I1026" s="94"/>
      <c r="J1026" s="94">
        <v>2692025</v>
      </c>
    </row>
    <row r="1027" spans="1:10" x14ac:dyDescent="0.25">
      <c r="A1027" s="171" t="s">
        <v>2323</v>
      </c>
      <c r="B1027" s="218">
        <v>45936</v>
      </c>
      <c r="C1027" s="94" t="s">
        <v>716</v>
      </c>
      <c r="D1027" s="19" t="s">
        <v>717</v>
      </c>
      <c r="E1027" s="120">
        <v>36752070</v>
      </c>
      <c r="F1027" s="85" t="s">
        <v>2324</v>
      </c>
      <c r="G1027" s="20">
        <v>4137.8900000000003</v>
      </c>
      <c r="H1027" s="20">
        <v>5089.6000000000004</v>
      </c>
      <c r="I1027" s="19"/>
      <c r="J1027" s="19">
        <v>2202025</v>
      </c>
    </row>
    <row r="1028" spans="1:10" x14ac:dyDescent="0.25">
      <c r="A1028" s="171" t="s">
        <v>2325</v>
      </c>
      <c r="B1028" s="218">
        <v>45937</v>
      </c>
      <c r="C1028" s="94" t="s">
        <v>914</v>
      </c>
      <c r="D1028" s="19" t="s">
        <v>915</v>
      </c>
      <c r="E1028" s="120">
        <v>35752831</v>
      </c>
      <c r="F1028" s="85" t="s">
        <v>2326</v>
      </c>
      <c r="G1028" s="20">
        <v>203.73</v>
      </c>
      <c r="H1028" s="20">
        <v>250.59</v>
      </c>
      <c r="I1028" s="145" t="s">
        <v>917</v>
      </c>
      <c r="J1028" s="19"/>
    </row>
    <row r="1029" spans="1:10" x14ac:dyDescent="0.25">
      <c r="A1029" s="171" t="s">
        <v>2327</v>
      </c>
      <c r="B1029" s="218">
        <v>45937</v>
      </c>
      <c r="C1029" s="94" t="s">
        <v>914</v>
      </c>
      <c r="D1029" s="19" t="s">
        <v>915</v>
      </c>
      <c r="E1029" s="120">
        <v>35752831</v>
      </c>
      <c r="F1029" s="85" t="s">
        <v>2328</v>
      </c>
      <c r="G1029" s="20">
        <v>129.74</v>
      </c>
      <c r="H1029" s="20">
        <v>159.58000000000001</v>
      </c>
      <c r="I1029" s="145" t="s">
        <v>2062</v>
      </c>
      <c r="J1029" s="19"/>
    </row>
    <row r="1030" spans="1:10" x14ac:dyDescent="0.25">
      <c r="A1030" s="171" t="s">
        <v>2329</v>
      </c>
      <c r="B1030" s="218">
        <v>45937</v>
      </c>
      <c r="C1030" s="94" t="s">
        <v>155</v>
      </c>
      <c r="D1030" s="23" t="s">
        <v>156</v>
      </c>
      <c r="E1030" s="105">
        <v>36687936</v>
      </c>
      <c r="F1030" s="19" t="s">
        <v>2330</v>
      </c>
      <c r="G1030" s="24">
        <v>19323.099999999999</v>
      </c>
      <c r="H1030" s="24">
        <v>19714.099999999999</v>
      </c>
      <c r="I1030" s="25" t="s">
        <v>158</v>
      </c>
      <c r="J1030" s="23"/>
    </row>
    <row r="1031" spans="1:10" x14ac:dyDescent="0.25">
      <c r="A1031" s="171" t="s">
        <v>2331</v>
      </c>
      <c r="B1031" s="218">
        <v>45937</v>
      </c>
      <c r="C1031" s="94" t="s">
        <v>155</v>
      </c>
      <c r="D1031" s="19" t="s">
        <v>156</v>
      </c>
      <c r="E1031" s="120">
        <v>36687936</v>
      </c>
      <c r="F1031" s="23" t="s">
        <v>2332</v>
      </c>
      <c r="G1031" s="24">
        <v>2777.8</v>
      </c>
      <c r="H1031" s="24">
        <v>3416.69</v>
      </c>
      <c r="I1031" s="25" t="s">
        <v>158</v>
      </c>
      <c r="J1031" s="23"/>
    </row>
    <row r="1032" spans="1:10" x14ac:dyDescent="0.25">
      <c r="A1032" s="171" t="s">
        <v>2333</v>
      </c>
      <c r="B1032" s="218">
        <v>45937</v>
      </c>
      <c r="C1032" s="94" t="s">
        <v>155</v>
      </c>
      <c r="D1032" s="19" t="s">
        <v>156</v>
      </c>
      <c r="E1032" s="120">
        <v>36687936</v>
      </c>
      <c r="F1032" s="23" t="s">
        <v>2334</v>
      </c>
      <c r="G1032" s="24">
        <v>4386</v>
      </c>
      <c r="H1032" s="24">
        <v>5394.78</v>
      </c>
      <c r="I1032" s="25" t="s">
        <v>158</v>
      </c>
      <c r="J1032" s="23"/>
    </row>
    <row r="1033" spans="1:10" x14ac:dyDescent="0.25">
      <c r="A1033" s="171" t="s">
        <v>2335</v>
      </c>
      <c r="B1033" s="218">
        <v>45937</v>
      </c>
      <c r="C1033" s="94" t="s">
        <v>182</v>
      </c>
      <c r="D1033" s="19" t="s">
        <v>183</v>
      </c>
      <c r="E1033" s="120">
        <v>48059528</v>
      </c>
      <c r="F1033" s="19" t="s">
        <v>2336</v>
      </c>
      <c r="G1033" s="24">
        <v>3691.43</v>
      </c>
      <c r="H1033" s="24">
        <v>3876</v>
      </c>
      <c r="I1033" s="61" t="s">
        <v>185</v>
      </c>
      <c r="J1033" s="19"/>
    </row>
    <row r="1034" spans="1:10" s="283" customFormat="1" x14ac:dyDescent="0.25">
      <c r="A1034" s="284" t="s">
        <v>2337</v>
      </c>
      <c r="B1034" s="285">
        <v>45937</v>
      </c>
      <c r="C1034" s="286" t="s">
        <v>1727</v>
      </c>
      <c r="D1034" s="280" t="s">
        <v>473</v>
      </c>
      <c r="E1034" s="287">
        <v>31567282</v>
      </c>
      <c r="F1034" s="288" t="s">
        <v>2338</v>
      </c>
      <c r="G1034" s="326">
        <v>4415</v>
      </c>
      <c r="H1034" s="281">
        <v>5430.45</v>
      </c>
      <c r="I1034" s="280" t="s">
        <v>475</v>
      </c>
      <c r="J1034" s="280" t="s">
        <v>2339</v>
      </c>
    </row>
    <row r="1035" spans="1:10" x14ac:dyDescent="0.25">
      <c r="A1035" s="171" t="s">
        <v>2340</v>
      </c>
      <c r="B1035" s="218">
        <v>45937</v>
      </c>
      <c r="C1035" s="94" t="s">
        <v>2341</v>
      </c>
      <c r="D1035" s="19" t="s">
        <v>12</v>
      </c>
      <c r="E1035" s="120">
        <v>36302716</v>
      </c>
      <c r="F1035" s="85" t="s">
        <v>813</v>
      </c>
      <c r="G1035" s="20">
        <v>25.1</v>
      </c>
      <c r="H1035" s="20">
        <v>30.87</v>
      </c>
      <c r="I1035" s="19"/>
      <c r="J1035" s="19">
        <v>2792025</v>
      </c>
    </row>
    <row r="1036" spans="1:10" x14ac:dyDescent="0.25">
      <c r="A1036" s="171" t="s">
        <v>2342</v>
      </c>
      <c r="B1036" s="218">
        <v>45937</v>
      </c>
      <c r="C1036" s="94" t="s">
        <v>117</v>
      </c>
      <c r="D1036" s="23" t="s">
        <v>118</v>
      </c>
      <c r="E1036" s="105">
        <v>46380434</v>
      </c>
      <c r="F1036" s="23" t="s">
        <v>2343</v>
      </c>
      <c r="G1036" s="24">
        <v>378</v>
      </c>
      <c r="H1036" s="24">
        <v>86.94</v>
      </c>
      <c r="I1036" s="25"/>
      <c r="J1036" s="23">
        <v>2732025</v>
      </c>
    </row>
    <row r="1037" spans="1:10" x14ac:dyDescent="0.25">
      <c r="A1037" s="171" t="s">
        <v>2344</v>
      </c>
      <c r="B1037" s="218">
        <v>45937</v>
      </c>
      <c r="C1037" s="94" t="s">
        <v>546</v>
      </c>
      <c r="D1037" s="19" t="s">
        <v>2345</v>
      </c>
      <c r="E1037" s="120">
        <v>31402445</v>
      </c>
      <c r="F1037" s="265" t="s">
        <v>2346</v>
      </c>
      <c r="G1037" s="20">
        <v>395</v>
      </c>
      <c r="H1037" s="20">
        <v>485.85</v>
      </c>
      <c r="I1037" s="19" t="s">
        <v>549</v>
      </c>
      <c r="J1037" s="19"/>
    </row>
    <row r="1038" spans="1:10" x14ac:dyDescent="0.25">
      <c r="A1038" s="171" t="s">
        <v>2347</v>
      </c>
      <c r="B1038" s="218">
        <v>45938</v>
      </c>
      <c r="C1038" s="94" t="s">
        <v>2348</v>
      </c>
      <c r="D1038" s="19" t="s">
        <v>2349</v>
      </c>
      <c r="E1038" s="120">
        <v>36526312</v>
      </c>
      <c r="F1038" s="140" t="s">
        <v>2350</v>
      </c>
      <c r="G1038" s="20">
        <v>1000</v>
      </c>
      <c r="H1038" s="20">
        <v>1230</v>
      </c>
      <c r="I1038" s="19"/>
      <c r="J1038" s="19" t="s">
        <v>2351</v>
      </c>
    </row>
    <row r="1039" spans="1:10" x14ac:dyDescent="0.25">
      <c r="A1039" s="171" t="s">
        <v>2352</v>
      </c>
      <c r="B1039" s="218">
        <v>45939</v>
      </c>
      <c r="C1039" s="94" t="s">
        <v>668</v>
      </c>
      <c r="D1039" s="23" t="s">
        <v>669</v>
      </c>
      <c r="E1039" s="105">
        <v>42137004</v>
      </c>
      <c r="F1039" s="127" t="s">
        <v>2353</v>
      </c>
      <c r="G1039" s="20">
        <v>1030.8599999999999</v>
      </c>
      <c r="H1039" s="20">
        <v>1098.4000000000001</v>
      </c>
      <c r="I1039" s="19"/>
      <c r="J1039" s="19">
        <v>2422025</v>
      </c>
    </row>
    <row r="1040" spans="1:10" x14ac:dyDescent="0.25">
      <c r="A1040" s="171" t="s">
        <v>2354</v>
      </c>
      <c r="B1040" s="218">
        <v>45940</v>
      </c>
      <c r="C1040" s="94" t="s">
        <v>712</v>
      </c>
      <c r="D1040" s="19" t="s">
        <v>713</v>
      </c>
      <c r="E1040" s="120">
        <v>36029076</v>
      </c>
      <c r="F1040" s="85" t="s">
        <v>2355</v>
      </c>
      <c r="G1040" s="20">
        <v>3600</v>
      </c>
      <c r="H1040" s="20">
        <v>4428</v>
      </c>
      <c r="I1040" s="19"/>
      <c r="J1040" s="19">
        <v>592025</v>
      </c>
    </row>
    <row r="1041" spans="1:10" x14ac:dyDescent="0.25">
      <c r="A1041" s="171" t="s">
        <v>2356</v>
      </c>
      <c r="B1041" s="218">
        <v>45940</v>
      </c>
      <c r="C1041" s="94" t="s">
        <v>1913</v>
      </c>
      <c r="D1041" s="23" t="s">
        <v>1914</v>
      </c>
      <c r="E1041" s="105">
        <v>35819081</v>
      </c>
      <c r="F1041" s="86" t="s">
        <v>1915</v>
      </c>
      <c r="G1041" s="20">
        <v>1270.54</v>
      </c>
      <c r="H1041" s="20">
        <v>1562.76</v>
      </c>
      <c r="I1041" s="19" t="s">
        <v>1916</v>
      </c>
      <c r="J1041" s="19">
        <v>1912025</v>
      </c>
    </row>
    <row r="1042" spans="1:10" x14ac:dyDescent="0.25">
      <c r="A1042" s="56" t="s">
        <v>2357</v>
      </c>
      <c r="B1042" s="211">
        <v>45945</v>
      </c>
      <c r="C1042" s="90" t="s">
        <v>2358</v>
      </c>
      <c r="D1042" s="10" t="s">
        <v>2359</v>
      </c>
      <c r="E1042" s="103">
        <v>44516312</v>
      </c>
      <c r="F1042" s="17" t="s">
        <v>2360</v>
      </c>
      <c r="G1042" s="45">
        <v>20000</v>
      </c>
      <c r="H1042" s="45">
        <v>24600</v>
      </c>
      <c r="I1042" s="13" t="s">
        <v>2361</v>
      </c>
      <c r="J1042" s="11"/>
    </row>
    <row r="1043" spans="1:10" x14ac:dyDescent="0.25">
      <c r="A1043" s="171" t="s">
        <v>2362</v>
      </c>
      <c r="B1043" s="218">
        <v>45939</v>
      </c>
      <c r="C1043" s="94" t="s">
        <v>241</v>
      </c>
      <c r="D1043" s="23" t="s">
        <v>242</v>
      </c>
      <c r="E1043" s="105">
        <v>36631124</v>
      </c>
      <c r="F1043" s="86" t="s">
        <v>2363</v>
      </c>
      <c r="G1043" s="20">
        <v>4656.95</v>
      </c>
      <c r="H1043" s="20">
        <v>4656.95</v>
      </c>
      <c r="I1043" s="19" t="s">
        <v>611</v>
      </c>
      <c r="J1043" s="19"/>
    </row>
    <row r="1044" spans="1:10" x14ac:dyDescent="0.25">
      <c r="A1044" s="171" t="s">
        <v>2364</v>
      </c>
      <c r="B1044" s="218">
        <v>45943</v>
      </c>
      <c r="C1044" s="94" t="s">
        <v>2116</v>
      </c>
      <c r="D1044" s="23" t="s">
        <v>1680</v>
      </c>
      <c r="E1044" s="105">
        <v>57111499</v>
      </c>
      <c r="F1044" s="104" t="s">
        <v>2365</v>
      </c>
      <c r="G1044" s="20">
        <v>1500</v>
      </c>
      <c r="H1044" s="20">
        <v>1500</v>
      </c>
      <c r="I1044" s="19"/>
      <c r="J1044" s="19">
        <v>2622025</v>
      </c>
    </row>
    <row r="1045" spans="1:10" x14ac:dyDescent="0.25">
      <c r="A1045" s="171" t="s">
        <v>2366</v>
      </c>
      <c r="B1045" s="218">
        <v>45943</v>
      </c>
      <c r="C1045" s="94" t="s">
        <v>177</v>
      </c>
      <c r="D1045" s="19" t="s">
        <v>178</v>
      </c>
      <c r="E1045" s="120">
        <v>53528654</v>
      </c>
      <c r="F1045" s="85" t="s">
        <v>2367</v>
      </c>
      <c r="G1045" s="20">
        <v>5214.34</v>
      </c>
      <c r="H1045" s="20">
        <v>5214.34</v>
      </c>
      <c r="I1045" s="19" t="s">
        <v>1902</v>
      </c>
      <c r="J1045" s="19">
        <v>2922025</v>
      </c>
    </row>
    <row r="1046" spans="1:10" x14ac:dyDescent="0.25">
      <c r="A1046" s="56" t="s">
        <v>2368</v>
      </c>
      <c r="B1046" s="211">
        <v>45943</v>
      </c>
      <c r="C1046" s="90" t="s">
        <v>2369</v>
      </c>
      <c r="D1046" s="10" t="s">
        <v>2370</v>
      </c>
      <c r="E1046" s="103">
        <v>36358479</v>
      </c>
      <c r="F1046" s="90" t="s">
        <v>2371</v>
      </c>
      <c r="G1046" s="12">
        <v>2823.11</v>
      </c>
      <c r="H1046" s="12">
        <v>2971.6</v>
      </c>
      <c r="I1046" s="10"/>
      <c r="J1046" s="11">
        <v>2772025</v>
      </c>
    </row>
    <row r="1047" spans="1:10" x14ac:dyDescent="0.25">
      <c r="A1047" s="56" t="s">
        <v>2372</v>
      </c>
      <c r="B1047" s="211">
        <v>45943</v>
      </c>
      <c r="C1047" s="238" t="s">
        <v>302</v>
      </c>
      <c r="D1047" s="10" t="s">
        <v>1691</v>
      </c>
      <c r="E1047" s="103">
        <v>42156424</v>
      </c>
      <c r="F1047" s="11" t="s">
        <v>2373</v>
      </c>
      <c r="G1047" s="12">
        <v>8892.4500000000007</v>
      </c>
      <c r="H1047" s="12">
        <v>10937.71</v>
      </c>
      <c r="I1047" s="10" t="s">
        <v>1792</v>
      </c>
      <c r="J1047" s="10"/>
    </row>
    <row r="1048" spans="1:10" x14ac:dyDescent="0.25">
      <c r="A1048" s="171" t="s">
        <v>2374</v>
      </c>
      <c r="B1048" s="218">
        <v>45943</v>
      </c>
      <c r="C1048" s="94" t="s">
        <v>277</v>
      </c>
      <c r="D1048" s="19" t="s">
        <v>278</v>
      </c>
      <c r="E1048" s="141">
        <v>36237337</v>
      </c>
      <c r="F1048" s="61" t="s">
        <v>2375</v>
      </c>
      <c r="G1048" s="24">
        <v>45</v>
      </c>
      <c r="H1048" s="24">
        <v>55.35</v>
      </c>
      <c r="I1048" s="61" t="s">
        <v>435</v>
      </c>
      <c r="J1048" s="23"/>
    </row>
    <row r="1049" spans="1:10" x14ac:dyDescent="0.25">
      <c r="A1049" s="171" t="s">
        <v>2376</v>
      </c>
      <c r="B1049" s="218">
        <v>45944</v>
      </c>
      <c r="C1049" s="94" t="s">
        <v>134</v>
      </c>
      <c r="D1049" s="23" t="s">
        <v>135</v>
      </c>
      <c r="E1049" s="105">
        <v>35889063</v>
      </c>
      <c r="F1049" s="86" t="s">
        <v>2377</v>
      </c>
      <c r="G1049" s="24">
        <v>17.73</v>
      </c>
      <c r="H1049" s="24">
        <v>21.1</v>
      </c>
      <c r="I1049" s="19" t="s">
        <v>1341</v>
      </c>
      <c r="J1049" s="23"/>
    </row>
    <row r="1050" spans="1:10" x14ac:dyDescent="0.25">
      <c r="A1050" s="171" t="s">
        <v>2378</v>
      </c>
      <c r="B1050" s="218">
        <v>45943</v>
      </c>
      <c r="C1050" s="94" t="s">
        <v>241</v>
      </c>
      <c r="D1050" s="19" t="s">
        <v>242</v>
      </c>
      <c r="E1050" s="120">
        <v>36631124</v>
      </c>
      <c r="F1050" s="19" t="s">
        <v>2379</v>
      </c>
      <c r="G1050" s="20">
        <v>26.59</v>
      </c>
      <c r="H1050" s="20">
        <v>32.71</v>
      </c>
      <c r="I1050" s="61" t="s">
        <v>611</v>
      </c>
      <c r="J1050" s="19"/>
    </row>
    <row r="1051" spans="1:10" x14ac:dyDescent="0.25">
      <c r="A1051" s="171" t="s">
        <v>2380</v>
      </c>
      <c r="B1051" s="218">
        <v>45944</v>
      </c>
      <c r="C1051" s="94" t="s">
        <v>187</v>
      </c>
      <c r="D1051" s="19" t="s">
        <v>188</v>
      </c>
      <c r="E1051" s="120">
        <v>35954612</v>
      </c>
      <c r="F1051" s="19" t="s">
        <v>2381</v>
      </c>
      <c r="G1051" s="20">
        <v>1238.0899999999999</v>
      </c>
      <c r="H1051" s="20">
        <v>1522.85</v>
      </c>
      <c r="I1051" s="61" t="s">
        <v>190</v>
      </c>
      <c r="J1051" s="19">
        <v>1752025</v>
      </c>
    </row>
    <row r="1052" spans="1:10" x14ac:dyDescent="0.25">
      <c r="A1052" s="171" t="s">
        <v>2382</v>
      </c>
      <c r="B1052" s="218">
        <v>45944</v>
      </c>
      <c r="C1052" s="94" t="s">
        <v>187</v>
      </c>
      <c r="D1052" s="23" t="s">
        <v>188</v>
      </c>
      <c r="E1052" s="105">
        <v>35954612</v>
      </c>
      <c r="F1052" s="19" t="s">
        <v>2383</v>
      </c>
      <c r="G1052" s="20">
        <v>9086.1200000000008</v>
      </c>
      <c r="H1052" s="20">
        <v>11175.93</v>
      </c>
      <c r="I1052" s="61" t="s">
        <v>190</v>
      </c>
      <c r="J1052" s="19">
        <v>1752025</v>
      </c>
    </row>
    <row r="1053" spans="1:10" x14ac:dyDescent="0.25">
      <c r="A1053" s="171" t="s">
        <v>2384</v>
      </c>
      <c r="B1053" s="218">
        <v>45944</v>
      </c>
      <c r="C1053" s="94" t="s">
        <v>187</v>
      </c>
      <c r="D1053" s="23" t="s">
        <v>188</v>
      </c>
      <c r="E1053" s="105">
        <v>35954612</v>
      </c>
      <c r="F1053" s="19" t="s">
        <v>2385</v>
      </c>
      <c r="G1053" s="20">
        <v>1556.79</v>
      </c>
      <c r="H1053" s="20">
        <v>1914.85</v>
      </c>
      <c r="I1053" s="61" t="s">
        <v>190</v>
      </c>
      <c r="J1053" s="19">
        <v>1752025</v>
      </c>
    </row>
    <row r="1054" spans="1:10" x14ac:dyDescent="0.25">
      <c r="A1054" s="171" t="s">
        <v>2386</v>
      </c>
      <c r="B1054" s="218">
        <v>45944</v>
      </c>
      <c r="C1054" s="94" t="s">
        <v>187</v>
      </c>
      <c r="D1054" s="23" t="s">
        <v>188</v>
      </c>
      <c r="E1054" s="105">
        <v>35954612</v>
      </c>
      <c r="F1054" s="19" t="s">
        <v>2387</v>
      </c>
      <c r="G1054" s="20">
        <v>1737.46</v>
      </c>
      <c r="H1054" s="20">
        <v>2137.08</v>
      </c>
      <c r="I1054" s="61" t="s">
        <v>190</v>
      </c>
      <c r="J1054" s="19">
        <v>1752025</v>
      </c>
    </row>
    <row r="1055" spans="1:10" x14ac:dyDescent="0.25">
      <c r="A1055" s="171" t="s">
        <v>2388</v>
      </c>
      <c r="B1055" s="218">
        <v>45944</v>
      </c>
      <c r="C1055" s="94" t="s">
        <v>187</v>
      </c>
      <c r="D1055" s="23" t="s">
        <v>188</v>
      </c>
      <c r="E1055" s="105">
        <v>35954612</v>
      </c>
      <c r="F1055" s="19" t="s">
        <v>2389</v>
      </c>
      <c r="G1055" s="20">
        <v>1263.9000000000001</v>
      </c>
      <c r="H1055" s="20">
        <v>1554.6</v>
      </c>
      <c r="I1055" s="61" t="s">
        <v>190</v>
      </c>
      <c r="J1055" s="19">
        <v>1752025</v>
      </c>
    </row>
    <row r="1056" spans="1:10" x14ac:dyDescent="0.25">
      <c r="A1056" s="171" t="s">
        <v>2390</v>
      </c>
      <c r="B1056" s="218">
        <v>45944</v>
      </c>
      <c r="C1056" s="94" t="s">
        <v>187</v>
      </c>
      <c r="D1056" s="23" t="s">
        <v>188</v>
      </c>
      <c r="E1056" s="105">
        <v>35954612</v>
      </c>
      <c r="F1056" s="19" t="s">
        <v>2391</v>
      </c>
      <c r="G1056" s="20">
        <v>1715.3</v>
      </c>
      <c r="H1056" s="20">
        <v>2109.8200000000002</v>
      </c>
      <c r="I1056" s="61" t="s">
        <v>190</v>
      </c>
      <c r="J1056" s="19">
        <v>1752025</v>
      </c>
    </row>
    <row r="1057" spans="1:10" x14ac:dyDescent="0.25">
      <c r="A1057" s="171" t="s">
        <v>2392</v>
      </c>
      <c r="B1057" s="218">
        <v>45943</v>
      </c>
      <c r="C1057" s="94" t="s">
        <v>187</v>
      </c>
      <c r="D1057" s="23" t="s">
        <v>188</v>
      </c>
      <c r="E1057" s="105">
        <v>35954612</v>
      </c>
      <c r="F1057" s="19" t="s">
        <v>2393</v>
      </c>
      <c r="G1057" s="20">
        <v>1713.59</v>
      </c>
      <c r="H1057" s="20">
        <v>2107.7199999999998</v>
      </c>
      <c r="I1057" s="61" t="s">
        <v>190</v>
      </c>
      <c r="J1057" s="19">
        <v>1752025</v>
      </c>
    </row>
    <row r="1058" spans="1:10" x14ac:dyDescent="0.25">
      <c r="A1058" s="171" t="s">
        <v>2394</v>
      </c>
      <c r="B1058" s="218">
        <v>45943</v>
      </c>
      <c r="C1058" s="94" t="s">
        <v>187</v>
      </c>
      <c r="D1058" s="23" t="s">
        <v>188</v>
      </c>
      <c r="E1058" s="105">
        <v>35954612</v>
      </c>
      <c r="F1058" s="19" t="s">
        <v>2395</v>
      </c>
      <c r="G1058" s="20">
        <v>2194.2800000000002</v>
      </c>
      <c r="H1058" s="20">
        <v>2698.96</v>
      </c>
      <c r="I1058" s="61" t="s">
        <v>190</v>
      </c>
      <c r="J1058" s="19">
        <v>1752025</v>
      </c>
    </row>
    <row r="1059" spans="1:10" x14ac:dyDescent="0.25">
      <c r="A1059" s="171" t="s">
        <v>2396</v>
      </c>
      <c r="B1059" s="218">
        <v>45943</v>
      </c>
      <c r="C1059" s="94" t="s">
        <v>187</v>
      </c>
      <c r="D1059" s="23" t="s">
        <v>188</v>
      </c>
      <c r="E1059" s="105">
        <v>35954612</v>
      </c>
      <c r="F1059" s="19" t="s">
        <v>2397</v>
      </c>
      <c r="G1059" s="20">
        <v>1315.92</v>
      </c>
      <c r="H1059" s="20">
        <v>1618.58</v>
      </c>
      <c r="I1059" s="61" t="s">
        <v>190</v>
      </c>
      <c r="J1059" s="19">
        <v>1752025</v>
      </c>
    </row>
    <row r="1060" spans="1:10" x14ac:dyDescent="0.25">
      <c r="A1060" s="171" t="s">
        <v>2398</v>
      </c>
      <c r="B1060" s="218">
        <v>45943</v>
      </c>
      <c r="C1060" s="94" t="s">
        <v>187</v>
      </c>
      <c r="D1060" s="23" t="s">
        <v>188</v>
      </c>
      <c r="E1060" s="105">
        <v>35954612</v>
      </c>
      <c r="F1060" s="19" t="s">
        <v>2399</v>
      </c>
      <c r="G1060" s="20">
        <v>4000</v>
      </c>
      <c r="H1060" s="20">
        <v>4920</v>
      </c>
      <c r="I1060" s="61" t="s">
        <v>223</v>
      </c>
      <c r="J1060" s="19">
        <v>1712025</v>
      </c>
    </row>
    <row r="1061" spans="1:10" x14ac:dyDescent="0.25">
      <c r="A1061" s="171" t="s">
        <v>2400</v>
      </c>
      <c r="B1061" s="219">
        <v>45943</v>
      </c>
      <c r="C1061" s="143" t="s">
        <v>187</v>
      </c>
      <c r="D1061" s="29" t="s">
        <v>188</v>
      </c>
      <c r="E1061" s="137">
        <v>35954612</v>
      </c>
      <c r="F1061" s="30" t="s">
        <v>2401</v>
      </c>
      <c r="G1061" s="170">
        <v>28110</v>
      </c>
      <c r="H1061" s="170">
        <v>34575.300000000003</v>
      </c>
      <c r="I1061" s="142" t="s">
        <v>223</v>
      </c>
      <c r="J1061" s="30">
        <v>1712025</v>
      </c>
    </row>
    <row r="1062" spans="1:10" x14ac:dyDescent="0.25">
      <c r="A1062" s="171" t="s">
        <v>2402</v>
      </c>
      <c r="B1062" s="218">
        <v>45943</v>
      </c>
      <c r="C1062" s="94" t="s">
        <v>187</v>
      </c>
      <c r="D1062" s="23" t="s">
        <v>188</v>
      </c>
      <c r="E1062" s="105">
        <v>35954612</v>
      </c>
      <c r="F1062" s="19" t="s">
        <v>2403</v>
      </c>
      <c r="G1062" s="20">
        <v>13720</v>
      </c>
      <c r="H1062" s="20">
        <v>16875.599999999999</v>
      </c>
      <c r="I1062" s="61" t="s">
        <v>223</v>
      </c>
      <c r="J1062" s="19">
        <v>1712025</v>
      </c>
    </row>
    <row r="1063" spans="1:10" x14ac:dyDescent="0.25">
      <c r="A1063" s="173" t="s">
        <v>2404</v>
      </c>
      <c r="B1063" s="219">
        <v>45943</v>
      </c>
      <c r="C1063" s="143" t="s">
        <v>187</v>
      </c>
      <c r="D1063" s="29" t="s">
        <v>188</v>
      </c>
      <c r="E1063" s="137">
        <v>35954612</v>
      </c>
      <c r="F1063" s="30" t="s">
        <v>2405</v>
      </c>
      <c r="G1063" s="170">
        <v>6160</v>
      </c>
      <c r="H1063" s="170">
        <v>7576.8</v>
      </c>
      <c r="I1063" s="142" t="s">
        <v>223</v>
      </c>
      <c r="J1063" s="30">
        <v>1712025</v>
      </c>
    </row>
    <row r="1064" spans="1:10" s="10" customFormat="1" x14ac:dyDescent="0.25">
      <c r="A1064" s="85" t="s">
        <v>2406</v>
      </c>
      <c r="B1064" s="218">
        <v>45943</v>
      </c>
      <c r="C1064" s="94" t="s">
        <v>187</v>
      </c>
      <c r="D1064" s="23" t="s">
        <v>188</v>
      </c>
      <c r="E1064" s="105">
        <v>35954612</v>
      </c>
      <c r="F1064" s="19" t="s">
        <v>2407</v>
      </c>
      <c r="G1064" s="20">
        <v>6970</v>
      </c>
      <c r="H1064" s="20">
        <v>8573.1</v>
      </c>
      <c r="I1064" s="61" t="s">
        <v>223</v>
      </c>
      <c r="J1064" s="19">
        <v>1712025</v>
      </c>
    </row>
    <row r="1065" spans="1:10" x14ac:dyDescent="0.25">
      <c r="A1065" s="174" t="s">
        <v>2408</v>
      </c>
      <c r="B1065" s="220">
        <v>45943</v>
      </c>
      <c r="C1065" s="175" t="s">
        <v>187</v>
      </c>
      <c r="D1065" s="149" t="s">
        <v>188</v>
      </c>
      <c r="E1065" s="177">
        <v>35954612</v>
      </c>
      <c r="F1065" s="176" t="s">
        <v>2409</v>
      </c>
      <c r="G1065" s="270">
        <v>6510</v>
      </c>
      <c r="H1065" s="270">
        <v>8007.3</v>
      </c>
      <c r="I1065" s="178" t="s">
        <v>223</v>
      </c>
      <c r="J1065" s="176">
        <v>1712025</v>
      </c>
    </row>
    <row r="1066" spans="1:10" x14ac:dyDescent="0.25">
      <c r="A1066" s="85" t="s">
        <v>2410</v>
      </c>
      <c r="B1066" s="218">
        <v>45943</v>
      </c>
      <c r="C1066" s="94" t="s">
        <v>187</v>
      </c>
      <c r="D1066" s="23" t="s">
        <v>188</v>
      </c>
      <c r="E1066" s="105">
        <v>35954612</v>
      </c>
      <c r="F1066" s="19" t="s">
        <v>2411</v>
      </c>
      <c r="G1066" s="20">
        <v>6750</v>
      </c>
      <c r="H1066" s="20">
        <v>8302.5</v>
      </c>
      <c r="I1066" s="61" t="s">
        <v>223</v>
      </c>
      <c r="J1066" s="19">
        <v>1712025</v>
      </c>
    </row>
    <row r="1067" spans="1:10" x14ac:dyDescent="0.25">
      <c r="A1067" s="85" t="s">
        <v>2412</v>
      </c>
      <c r="B1067" s="218">
        <v>45943</v>
      </c>
      <c r="C1067" s="94" t="s">
        <v>187</v>
      </c>
      <c r="D1067" s="23" t="s">
        <v>188</v>
      </c>
      <c r="E1067" s="105">
        <v>35954612</v>
      </c>
      <c r="F1067" s="19" t="s">
        <v>2413</v>
      </c>
      <c r="G1067" s="24">
        <v>5170</v>
      </c>
      <c r="H1067" s="24">
        <v>6359.1</v>
      </c>
      <c r="I1067" s="61" t="s">
        <v>223</v>
      </c>
      <c r="J1067" s="19">
        <v>1712025</v>
      </c>
    </row>
    <row r="1068" spans="1:10" x14ac:dyDescent="0.25">
      <c r="A1068" s="171" t="s">
        <v>2414</v>
      </c>
      <c r="B1068" s="218">
        <v>45943</v>
      </c>
      <c r="C1068" s="94" t="s">
        <v>187</v>
      </c>
      <c r="D1068" s="19" t="s">
        <v>188</v>
      </c>
      <c r="E1068" s="105">
        <v>35954612</v>
      </c>
      <c r="F1068" s="19" t="s">
        <v>2415</v>
      </c>
      <c r="G1068" s="24">
        <v>6560</v>
      </c>
      <c r="H1068" s="24">
        <v>8068.8</v>
      </c>
      <c r="I1068" s="61" t="s">
        <v>223</v>
      </c>
      <c r="J1068" s="19">
        <v>1712025</v>
      </c>
    </row>
    <row r="1069" spans="1:10" x14ac:dyDescent="0.25">
      <c r="A1069" s="171" t="s">
        <v>2416</v>
      </c>
      <c r="B1069" s="218">
        <v>45943</v>
      </c>
      <c r="C1069" s="94" t="s">
        <v>187</v>
      </c>
      <c r="D1069" s="19" t="s">
        <v>188</v>
      </c>
      <c r="E1069" s="105">
        <v>35954612</v>
      </c>
      <c r="F1069" s="19" t="s">
        <v>2417</v>
      </c>
      <c r="G1069" s="24">
        <v>7520</v>
      </c>
      <c r="H1069" s="24">
        <v>9249.6</v>
      </c>
      <c r="I1069" s="61" t="s">
        <v>223</v>
      </c>
      <c r="J1069" s="19">
        <v>1712025</v>
      </c>
    </row>
    <row r="1070" spans="1:10" x14ac:dyDescent="0.25">
      <c r="A1070" s="171" t="s">
        <v>2418</v>
      </c>
      <c r="B1070" s="218">
        <v>45944</v>
      </c>
      <c r="C1070" s="94" t="s">
        <v>357</v>
      </c>
      <c r="D1070" s="23" t="s">
        <v>358</v>
      </c>
      <c r="E1070" s="105">
        <v>36250481</v>
      </c>
      <c r="F1070" s="23" t="s">
        <v>2419</v>
      </c>
      <c r="G1070" s="24">
        <v>34865.5</v>
      </c>
      <c r="H1070" s="24">
        <v>42884.57</v>
      </c>
      <c r="I1070" s="61" t="s">
        <v>360</v>
      </c>
      <c r="J1070" s="19" t="s">
        <v>1001</v>
      </c>
    </row>
    <row r="1071" spans="1:10" x14ac:dyDescent="0.25">
      <c r="A1071" s="171" t="s">
        <v>2420</v>
      </c>
      <c r="B1071" s="218">
        <v>45944</v>
      </c>
      <c r="C1071" s="94" t="s">
        <v>357</v>
      </c>
      <c r="D1071" s="23" t="s">
        <v>358</v>
      </c>
      <c r="E1071" s="105">
        <v>36250481</v>
      </c>
      <c r="F1071" s="23" t="s">
        <v>2421</v>
      </c>
      <c r="G1071" s="20">
        <v>9231.7199999999993</v>
      </c>
      <c r="H1071" s="20">
        <v>11355.02</v>
      </c>
      <c r="I1071" s="19" t="s">
        <v>360</v>
      </c>
      <c r="J1071" s="19">
        <v>922025</v>
      </c>
    </row>
    <row r="1072" spans="1:10" x14ac:dyDescent="0.25">
      <c r="A1072" s="171" t="s">
        <v>2422</v>
      </c>
      <c r="B1072" s="218">
        <v>45944</v>
      </c>
      <c r="C1072" s="94" t="s">
        <v>357</v>
      </c>
      <c r="D1072" s="23" t="s">
        <v>358</v>
      </c>
      <c r="E1072" s="105">
        <v>36250481</v>
      </c>
      <c r="F1072" s="19" t="s">
        <v>2423</v>
      </c>
      <c r="G1072" s="24">
        <v>3500</v>
      </c>
      <c r="H1072" s="24">
        <v>4305</v>
      </c>
      <c r="I1072" s="61" t="s">
        <v>387</v>
      </c>
      <c r="J1072" s="19"/>
    </row>
    <row r="1073" spans="1:10" x14ac:dyDescent="0.25">
      <c r="A1073" s="56" t="s">
        <v>2424</v>
      </c>
      <c r="B1073" s="216">
        <v>45944</v>
      </c>
      <c r="C1073" s="155" t="s">
        <v>155</v>
      </c>
      <c r="D1073" s="10" t="s">
        <v>156</v>
      </c>
      <c r="E1073" s="103">
        <v>36687936</v>
      </c>
      <c r="F1073" s="152" t="s">
        <v>2425</v>
      </c>
      <c r="G1073" s="156">
        <v>14.73</v>
      </c>
      <c r="H1073" s="156">
        <v>17.53</v>
      </c>
      <c r="I1073" s="13" t="s">
        <v>158</v>
      </c>
      <c r="J1073" s="152"/>
    </row>
    <row r="1074" spans="1:10" x14ac:dyDescent="0.25">
      <c r="A1074" s="56" t="s">
        <v>2426</v>
      </c>
      <c r="B1074" s="211">
        <v>45944</v>
      </c>
      <c r="C1074" s="90" t="s">
        <v>155</v>
      </c>
      <c r="D1074" s="10" t="s">
        <v>156</v>
      </c>
      <c r="E1074" s="103">
        <v>36687936</v>
      </c>
      <c r="F1074" s="11" t="s">
        <v>2427</v>
      </c>
      <c r="G1074" s="12">
        <v>304.22000000000003</v>
      </c>
      <c r="H1074" s="12">
        <v>362.02</v>
      </c>
      <c r="I1074" s="47" t="s">
        <v>158</v>
      </c>
      <c r="J1074" s="152"/>
    </row>
    <row r="1075" spans="1:10" x14ac:dyDescent="0.25">
      <c r="A1075" s="227" t="s">
        <v>2428</v>
      </c>
      <c r="B1075" s="223" t="s">
        <v>2429</v>
      </c>
      <c r="C1075" s="187" t="s">
        <v>357</v>
      </c>
      <c r="D1075" s="197" t="s">
        <v>358</v>
      </c>
      <c r="E1075" s="197">
        <v>36250481</v>
      </c>
      <c r="F1075" s="197" t="s">
        <v>2430</v>
      </c>
      <c r="G1075" s="229" t="s">
        <v>2431</v>
      </c>
      <c r="H1075" s="229" t="s">
        <v>2432</v>
      </c>
      <c r="I1075" s="197" t="s">
        <v>360</v>
      </c>
      <c r="J1075" s="197">
        <v>2172025</v>
      </c>
    </row>
    <row r="1076" spans="1:10" x14ac:dyDescent="0.25">
      <c r="A1076" s="171" t="s">
        <v>2433</v>
      </c>
      <c r="B1076" s="218">
        <v>45944</v>
      </c>
      <c r="C1076" s="94" t="s">
        <v>720</v>
      </c>
      <c r="D1076" s="23" t="s">
        <v>1423</v>
      </c>
      <c r="E1076" s="105">
        <v>30223288</v>
      </c>
      <c r="F1076" s="85" t="s">
        <v>2434</v>
      </c>
      <c r="G1076" s="20">
        <v>6451.2</v>
      </c>
      <c r="H1076" s="20">
        <v>7934.98</v>
      </c>
      <c r="I1076" s="19" t="s">
        <v>723</v>
      </c>
      <c r="J1076" s="19">
        <v>2332025</v>
      </c>
    </row>
    <row r="1077" spans="1:10" x14ac:dyDescent="0.25">
      <c r="A1077" s="171" t="s">
        <v>2435</v>
      </c>
      <c r="B1077" s="218">
        <v>45945</v>
      </c>
      <c r="C1077" s="94" t="s">
        <v>2116</v>
      </c>
      <c r="D1077" s="23" t="s">
        <v>1680</v>
      </c>
      <c r="E1077" s="105">
        <v>57111499</v>
      </c>
      <c r="F1077" s="104" t="s">
        <v>2436</v>
      </c>
      <c r="G1077" s="20">
        <v>800</v>
      </c>
      <c r="H1077" s="20">
        <v>800</v>
      </c>
      <c r="I1077" s="19"/>
      <c r="J1077" s="19">
        <v>2582025</v>
      </c>
    </row>
    <row r="1078" spans="1:10" x14ac:dyDescent="0.25">
      <c r="A1078" s="56" t="s">
        <v>2437</v>
      </c>
      <c r="B1078" s="211">
        <v>45945</v>
      </c>
      <c r="C1078" s="90" t="s">
        <v>139</v>
      </c>
      <c r="D1078" s="10" t="s">
        <v>140</v>
      </c>
      <c r="E1078" s="103">
        <v>47235713</v>
      </c>
      <c r="F1078" s="90" t="s">
        <v>2438</v>
      </c>
      <c r="G1078" s="12">
        <v>775.54</v>
      </c>
      <c r="H1078" s="12">
        <v>922.89</v>
      </c>
      <c r="I1078" s="10" t="s">
        <v>142</v>
      </c>
      <c r="J1078" s="10"/>
    </row>
    <row r="1079" spans="1:10" x14ac:dyDescent="0.25">
      <c r="A1079" s="172" t="s">
        <v>2439</v>
      </c>
      <c r="B1079" s="218">
        <v>45945</v>
      </c>
      <c r="C1079" s="94" t="s">
        <v>277</v>
      </c>
      <c r="D1079" s="19" t="s">
        <v>278</v>
      </c>
      <c r="E1079" s="141">
        <v>36237337</v>
      </c>
      <c r="F1079" s="61" t="s">
        <v>2440</v>
      </c>
      <c r="G1079" s="24">
        <v>312</v>
      </c>
      <c r="H1079" s="24">
        <v>383.76</v>
      </c>
      <c r="I1079" s="61" t="s">
        <v>1686</v>
      </c>
      <c r="J1079" s="19"/>
    </row>
    <row r="1080" spans="1:10" x14ac:dyDescent="0.25">
      <c r="A1080" s="56" t="s">
        <v>2441</v>
      </c>
      <c r="B1080" s="211">
        <v>45947</v>
      </c>
      <c r="C1080" s="90" t="s">
        <v>1482</v>
      </c>
      <c r="D1080" s="10" t="s">
        <v>1483</v>
      </c>
      <c r="E1080" s="103">
        <v>31348653</v>
      </c>
      <c r="F1080" s="90" t="s">
        <v>2442</v>
      </c>
      <c r="G1080" s="12">
        <v>173.63</v>
      </c>
      <c r="H1080" s="12">
        <v>213.56</v>
      </c>
      <c r="I1080" s="56" t="s">
        <v>1485</v>
      </c>
      <c r="J1080" s="11">
        <v>2982025</v>
      </c>
    </row>
    <row r="1081" spans="1:10" x14ac:dyDescent="0.25">
      <c r="A1081" s="56" t="s">
        <v>2443</v>
      </c>
      <c r="B1081" s="211">
        <v>45947</v>
      </c>
      <c r="C1081" s="90" t="s">
        <v>450</v>
      </c>
      <c r="D1081" s="10" t="s">
        <v>451</v>
      </c>
      <c r="E1081" s="103">
        <v>32627211</v>
      </c>
      <c r="F1081" s="17" t="s">
        <v>1609</v>
      </c>
      <c r="G1081" s="12">
        <v>5066.7700000000004</v>
      </c>
      <c r="H1081" s="12">
        <v>6232.13</v>
      </c>
      <c r="I1081" s="13" t="s">
        <v>1610</v>
      </c>
      <c r="J1081" s="11">
        <v>2592025</v>
      </c>
    </row>
    <row r="1082" spans="1:10" x14ac:dyDescent="0.25">
      <c r="A1082" s="56" t="s">
        <v>2444</v>
      </c>
      <c r="B1082" s="211">
        <v>45950</v>
      </c>
      <c r="C1082" s="90" t="s">
        <v>2445</v>
      </c>
      <c r="D1082" s="10" t="s">
        <v>2446</v>
      </c>
      <c r="E1082" s="103">
        <v>36303241</v>
      </c>
      <c r="F1082" s="90" t="s">
        <v>2447</v>
      </c>
      <c r="G1082" s="12">
        <v>1146.9099999999999</v>
      </c>
      <c r="H1082" s="12">
        <v>1247.5</v>
      </c>
      <c r="I1082" s="10"/>
      <c r="J1082" s="11">
        <v>3032025</v>
      </c>
    </row>
    <row r="1083" spans="1:10" x14ac:dyDescent="0.25">
      <c r="A1083" s="56" t="s">
        <v>2448</v>
      </c>
      <c r="B1083" s="211">
        <v>45951</v>
      </c>
      <c r="C1083" s="90" t="s">
        <v>668</v>
      </c>
      <c r="D1083" s="17" t="s">
        <v>669</v>
      </c>
      <c r="E1083" s="107">
        <v>42137004</v>
      </c>
      <c r="F1083" s="90" t="s">
        <v>2449</v>
      </c>
      <c r="G1083" s="12">
        <v>21799.54</v>
      </c>
      <c r="H1083" s="12">
        <v>22025.65</v>
      </c>
      <c r="I1083" s="10" t="s">
        <v>2450</v>
      </c>
      <c r="J1083" s="11">
        <v>2702025</v>
      </c>
    </row>
    <row r="1084" spans="1:10" x14ac:dyDescent="0.25">
      <c r="A1084" s="56" t="s">
        <v>2451</v>
      </c>
      <c r="B1084" s="211">
        <v>45951</v>
      </c>
      <c r="C1084" s="90" t="s">
        <v>1482</v>
      </c>
      <c r="D1084" s="10" t="s">
        <v>1483</v>
      </c>
      <c r="E1084" s="103">
        <v>31348653</v>
      </c>
      <c r="F1084" s="90" t="s">
        <v>2452</v>
      </c>
      <c r="G1084" s="12">
        <v>808.64</v>
      </c>
      <c r="H1084" s="12">
        <v>994.63</v>
      </c>
      <c r="I1084" s="10" t="s">
        <v>1485</v>
      </c>
      <c r="J1084" s="11">
        <v>2452025</v>
      </c>
    </row>
    <row r="1085" spans="1:10" x14ac:dyDescent="0.25">
      <c r="A1085" s="56" t="s">
        <v>2453</v>
      </c>
      <c r="B1085" s="211">
        <v>45951</v>
      </c>
      <c r="C1085" s="90" t="s">
        <v>122</v>
      </c>
      <c r="D1085" s="10" t="s">
        <v>123</v>
      </c>
      <c r="E1085" s="103">
        <v>46921931</v>
      </c>
      <c r="F1085" s="10" t="s">
        <v>2454</v>
      </c>
      <c r="G1085" s="12">
        <v>24175.42</v>
      </c>
      <c r="H1085" s="12">
        <v>25754.76</v>
      </c>
      <c r="I1085" s="10" t="s">
        <v>1175</v>
      </c>
      <c r="J1085" s="10"/>
    </row>
    <row r="1086" spans="1:10" x14ac:dyDescent="0.25">
      <c r="A1086" s="56" t="s">
        <v>2455</v>
      </c>
      <c r="B1086" s="211">
        <v>45951</v>
      </c>
      <c r="C1086" s="90" t="s">
        <v>2456</v>
      </c>
      <c r="D1086" s="10" t="s">
        <v>2457</v>
      </c>
      <c r="E1086" s="103">
        <v>54669464</v>
      </c>
      <c r="F1086" s="90" t="s">
        <v>2458</v>
      </c>
      <c r="G1086" s="12">
        <v>100</v>
      </c>
      <c r="H1086" s="12">
        <v>123</v>
      </c>
      <c r="I1086" s="10"/>
      <c r="J1086" s="11">
        <v>2322025</v>
      </c>
    </row>
    <row r="1087" spans="1:10" x14ac:dyDescent="0.25">
      <c r="A1087" s="56" t="s">
        <v>2459</v>
      </c>
      <c r="B1087" s="211">
        <v>45952</v>
      </c>
      <c r="C1087" s="90" t="s">
        <v>277</v>
      </c>
      <c r="D1087" s="11" t="s">
        <v>278</v>
      </c>
      <c r="E1087" s="148">
        <v>36237337</v>
      </c>
      <c r="F1087" s="13" t="s">
        <v>2460</v>
      </c>
      <c r="G1087" s="45">
        <v>35</v>
      </c>
      <c r="H1087" s="45">
        <v>43.05</v>
      </c>
      <c r="I1087" s="13" t="s">
        <v>1686</v>
      </c>
      <c r="J1087" s="11">
        <v>2842025</v>
      </c>
    </row>
    <row r="1088" spans="1:10" x14ac:dyDescent="0.25">
      <c r="A1088" s="56" t="s">
        <v>2461</v>
      </c>
      <c r="B1088" s="211">
        <v>45952</v>
      </c>
      <c r="C1088" s="90" t="s">
        <v>2462</v>
      </c>
      <c r="D1088" s="10" t="s">
        <v>263</v>
      </c>
      <c r="E1088" s="103">
        <v>36795135</v>
      </c>
      <c r="F1088" s="79" t="s">
        <v>2463</v>
      </c>
      <c r="G1088" s="12">
        <v>8816.7999999999993</v>
      </c>
      <c r="H1088" s="12">
        <v>10844.66</v>
      </c>
      <c r="I1088" s="10"/>
      <c r="J1088" s="11">
        <v>1822025</v>
      </c>
    </row>
    <row r="1089" spans="1:10" x14ac:dyDescent="0.25">
      <c r="A1089" s="56" t="s">
        <v>2464</v>
      </c>
      <c r="B1089" s="211">
        <v>45952</v>
      </c>
      <c r="C1089" s="90" t="s">
        <v>389</v>
      </c>
      <c r="D1089" s="11" t="s">
        <v>390</v>
      </c>
      <c r="E1089" s="103">
        <v>35900831</v>
      </c>
      <c r="F1089" s="89" t="s">
        <v>2465</v>
      </c>
      <c r="G1089" s="45">
        <v>175.61</v>
      </c>
      <c r="H1089" s="45">
        <v>216</v>
      </c>
      <c r="I1089" s="13"/>
      <c r="J1089" s="11">
        <v>2302025</v>
      </c>
    </row>
    <row r="1090" spans="1:10" x14ac:dyDescent="0.25">
      <c r="A1090" s="56" t="s">
        <v>2466</v>
      </c>
      <c r="B1090" s="211">
        <v>45954</v>
      </c>
      <c r="C1090" s="90" t="s">
        <v>2467</v>
      </c>
      <c r="D1090" s="10" t="s">
        <v>2468</v>
      </c>
      <c r="E1090" s="103">
        <v>31353371</v>
      </c>
      <c r="F1090" s="10" t="s">
        <v>2469</v>
      </c>
      <c r="G1090" s="319">
        <v>40</v>
      </c>
      <c r="H1090" s="12">
        <v>49.2</v>
      </c>
      <c r="I1090" s="10"/>
      <c r="J1090" s="11">
        <v>3042025</v>
      </c>
    </row>
    <row r="1091" spans="1:10" x14ac:dyDescent="0.25">
      <c r="A1091" s="56" t="s">
        <v>2470</v>
      </c>
      <c r="B1091" s="211">
        <v>45953</v>
      </c>
      <c r="C1091" s="90" t="s">
        <v>2471</v>
      </c>
      <c r="D1091" s="10" t="s">
        <v>2472</v>
      </c>
      <c r="E1091" s="103">
        <v>397563</v>
      </c>
      <c r="F1091" s="109" t="s">
        <v>2473</v>
      </c>
      <c r="G1091" s="12">
        <v>260.16000000000003</v>
      </c>
      <c r="H1091" s="12">
        <v>320</v>
      </c>
      <c r="I1091" s="10"/>
      <c r="J1091" s="11">
        <v>2502025</v>
      </c>
    </row>
    <row r="1092" spans="1:10" x14ac:dyDescent="0.25">
      <c r="A1092" s="56" t="s">
        <v>2474</v>
      </c>
      <c r="B1092" s="211">
        <v>45953</v>
      </c>
      <c r="C1092" s="90" t="s">
        <v>1007</v>
      </c>
      <c r="D1092" s="11" t="s">
        <v>1008</v>
      </c>
      <c r="E1092" s="103">
        <v>60163755</v>
      </c>
      <c r="F1092" s="11" t="s">
        <v>2475</v>
      </c>
      <c r="G1092" s="45" t="s">
        <v>2476</v>
      </c>
      <c r="H1092" s="45" t="s">
        <v>2476</v>
      </c>
      <c r="I1092" s="10"/>
      <c r="J1092" s="11">
        <v>3012025</v>
      </c>
    </row>
    <row r="1093" spans="1:10" x14ac:dyDescent="0.25">
      <c r="A1093" s="56" t="s">
        <v>2477</v>
      </c>
      <c r="B1093" s="211">
        <v>45954</v>
      </c>
      <c r="C1093" s="90" t="s">
        <v>725</v>
      </c>
      <c r="D1093" s="10" t="s">
        <v>726</v>
      </c>
      <c r="E1093" s="103">
        <v>37590286</v>
      </c>
      <c r="F1093" s="90" t="s">
        <v>2478</v>
      </c>
      <c r="G1093" s="12">
        <v>2000</v>
      </c>
      <c r="H1093" s="12">
        <v>2000</v>
      </c>
      <c r="I1093" s="10"/>
      <c r="J1093" s="11" t="s">
        <v>2479</v>
      </c>
    </row>
    <row r="1094" spans="1:10" x14ac:dyDescent="0.25">
      <c r="A1094" s="154" t="s">
        <v>2480</v>
      </c>
      <c r="B1094" s="213">
        <v>45957</v>
      </c>
      <c r="C1094" s="98" t="s">
        <v>2116</v>
      </c>
      <c r="D1094" s="14" t="s">
        <v>1680</v>
      </c>
      <c r="E1094" s="115">
        <v>57111499</v>
      </c>
      <c r="F1094" s="90" t="s">
        <v>2481</v>
      </c>
      <c r="G1094" s="15">
        <v>1500</v>
      </c>
      <c r="H1094" s="15">
        <v>1500</v>
      </c>
      <c r="I1094" s="14"/>
      <c r="J1094" s="116">
        <v>2882025</v>
      </c>
    </row>
    <row r="1095" spans="1:10" x14ac:dyDescent="0.25">
      <c r="A1095" s="56" t="s">
        <v>2482</v>
      </c>
      <c r="B1095" s="211">
        <v>45954</v>
      </c>
      <c r="C1095" s="90" t="s">
        <v>100</v>
      </c>
      <c r="D1095" s="10" t="s">
        <v>101</v>
      </c>
      <c r="E1095" s="103">
        <v>36769304</v>
      </c>
      <c r="F1095" s="17" t="s">
        <v>1170</v>
      </c>
      <c r="G1095" s="45">
        <v>210</v>
      </c>
      <c r="H1095" s="45">
        <v>258.3</v>
      </c>
      <c r="I1095" s="62"/>
      <c r="J1095" s="17">
        <v>1052025</v>
      </c>
    </row>
    <row r="1096" spans="1:10" x14ac:dyDescent="0.25">
      <c r="A1096" s="56" t="s">
        <v>2483</v>
      </c>
      <c r="B1096" s="216">
        <v>45957</v>
      </c>
      <c r="C1096" s="155" t="s">
        <v>2208</v>
      </c>
      <c r="D1096" s="10" t="s">
        <v>2209</v>
      </c>
      <c r="E1096" s="256">
        <v>35728311</v>
      </c>
      <c r="F1096" s="10" t="s">
        <v>2484</v>
      </c>
      <c r="G1096" s="327">
        <v>684.76</v>
      </c>
      <c r="H1096" s="327">
        <v>842.25</v>
      </c>
      <c r="I1096" s="43"/>
      <c r="J1096" s="147">
        <v>3002025</v>
      </c>
    </row>
    <row r="1097" spans="1:10" x14ac:dyDescent="0.25">
      <c r="A1097" s="56" t="s">
        <v>2485</v>
      </c>
      <c r="B1097" s="211">
        <v>45957</v>
      </c>
      <c r="C1097" s="90" t="s">
        <v>389</v>
      </c>
      <c r="D1097" s="11" t="s">
        <v>390</v>
      </c>
      <c r="E1097" s="103">
        <v>35900831</v>
      </c>
      <c r="F1097" s="89" t="s">
        <v>2486</v>
      </c>
      <c r="G1097" s="12">
        <v>390.24</v>
      </c>
      <c r="H1097" s="12">
        <v>480</v>
      </c>
      <c r="I1097" s="10"/>
      <c r="J1097" s="11">
        <v>2292025</v>
      </c>
    </row>
    <row r="1098" spans="1:10" x14ac:dyDescent="0.25">
      <c r="A1098" s="56" t="s">
        <v>2487</v>
      </c>
      <c r="B1098" s="211">
        <v>45958</v>
      </c>
      <c r="C1098" s="90" t="s">
        <v>2175</v>
      </c>
      <c r="D1098" s="10" t="s">
        <v>2176</v>
      </c>
      <c r="E1098" s="103">
        <v>50087487</v>
      </c>
      <c r="F1098" s="10" t="s">
        <v>2488</v>
      </c>
      <c r="G1098" s="12">
        <v>21848</v>
      </c>
      <c r="H1098" s="12">
        <v>26873.040000000001</v>
      </c>
      <c r="I1098" s="10" t="s">
        <v>2178</v>
      </c>
      <c r="J1098" s="11">
        <v>3082025</v>
      </c>
    </row>
    <row r="1099" spans="1:10" x14ac:dyDescent="0.25">
      <c r="A1099" s="56" t="s">
        <v>2489</v>
      </c>
      <c r="B1099" s="211">
        <v>45960</v>
      </c>
      <c r="C1099" s="90" t="s">
        <v>2490</v>
      </c>
      <c r="D1099" s="10" t="s">
        <v>2491</v>
      </c>
      <c r="E1099" s="103">
        <v>44419899</v>
      </c>
      <c r="F1099" s="11" t="s">
        <v>2492</v>
      </c>
      <c r="G1099" s="12">
        <v>2497.08</v>
      </c>
      <c r="H1099" s="12">
        <v>2649</v>
      </c>
      <c r="I1099" s="10"/>
      <c r="J1099" s="11">
        <v>2992025</v>
      </c>
    </row>
    <row r="1100" spans="1:10" x14ac:dyDescent="0.25">
      <c r="A1100" s="56" t="s">
        <v>2493</v>
      </c>
      <c r="B1100" s="211">
        <v>45958</v>
      </c>
      <c r="C1100" s="90" t="s">
        <v>720</v>
      </c>
      <c r="D1100" s="19" t="s">
        <v>1423</v>
      </c>
      <c r="E1100" s="120">
        <v>30223288</v>
      </c>
      <c r="F1100" s="90" t="s">
        <v>2494</v>
      </c>
      <c r="G1100" s="12">
        <v>2709.9</v>
      </c>
      <c r="H1100" s="12">
        <v>3333.18</v>
      </c>
      <c r="I1100" s="11" t="s">
        <v>723</v>
      </c>
      <c r="J1100" s="11">
        <v>2432025</v>
      </c>
    </row>
    <row r="1101" spans="1:10" x14ac:dyDescent="0.25">
      <c r="A1101" s="56" t="s">
        <v>2495</v>
      </c>
      <c r="B1101" s="211">
        <v>45958</v>
      </c>
      <c r="C1101" s="90" t="s">
        <v>1245</v>
      </c>
      <c r="D1101" s="17" t="s">
        <v>1246</v>
      </c>
      <c r="E1101" s="107">
        <v>50605399</v>
      </c>
      <c r="F1101" s="17" t="s">
        <v>2496</v>
      </c>
      <c r="G1101" s="12">
        <v>1792</v>
      </c>
      <c r="H1101" s="12">
        <v>1792</v>
      </c>
      <c r="I1101" s="10" t="s">
        <v>2497</v>
      </c>
      <c r="J1101" s="11">
        <v>3202025</v>
      </c>
    </row>
    <row r="1102" spans="1:10" x14ac:dyDescent="0.25">
      <c r="A1102" s="56" t="s">
        <v>2498</v>
      </c>
      <c r="B1102" s="211">
        <v>45959</v>
      </c>
      <c r="C1102" s="90" t="s">
        <v>668</v>
      </c>
      <c r="D1102" s="17" t="s">
        <v>669</v>
      </c>
      <c r="E1102" s="107">
        <v>42137004</v>
      </c>
      <c r="F1102" s="90" t="s">
        <v>2499</v>
      </c>
      <c r="G1102" s="12">
        <v>1948.38</v>
      </c>
      <c r="H1102" s="12">
        <v>2043.8</v>
      </c>
      <c r="I1102" s="10"/>
      <c r="J1102" s="11">
        <v>2422025</v>
      </c>
    </row>
    <row r="1103" spans="1:10" x14ac:dyDescent="0.25">
      <c r="A1103" s="56" t="s">
        <v>2500</v>
      </c>
      <c r="B1103" s="211">
        <v>45960</v>
      </c>
      <c r="C1103" s="90" t="s">
        <v>481</v>
      </c>
      <c r="D1103" s="11" t="s">
        <v>2501</v>
      </c>
      <c r="E1103" s="103">
        <v>31348262</v>
      </c>
      <c r="F1103" s="155" t="s">
        <v>2502</v>
      </c>
      <c r="G1103" s="12">
        <v>159.19999999999999</v>
      </c>
      <c r="H1103" s="12">
        <v>195.82</v>
      </c>
      <c r="I1103" s="10"/>
      <c r="J1103" s="11">
        <v>3292025</v>
      </c>
    </row>
    <row r="1104" spans="1:10" x14ac:dyDescent="0.25">
      <c r="A1104" s="56" t="s">
        <v>2503</v>
      </c>
      <c r="B1104" s="211">
        <v>45960</v>
      </c>
      <c r="C1104" s="90" t="s">
        <v>1482</v>
      </c>
      <c r="D1104" s="10" t="s">
        <v>1483</v>
      </c>
      <c r="E1104" s="103">
        <v>31348653</v>
      </c>
      <c r="F1104" s="157" t="s">
        <v>1488</v>
      </c>
      <c r="G1104" s="12">
        <v>592</v>
      </c>
      <c r="H1104" s="12">
        <v>728.16</v>
      </c>
      <c r="I1104" s="10" t="s">
        <v>1485</v>
      </c>
      <c r="J1104" s="11">
        <v>2962025</v>
      </c>
    </row>
    <row r="1105" spans="1:10" x14ac:dyDescent="0.25">
      <c r="A1105" s="56" t="s">
        <v>2504</v>
      </c>
      <c r="B1105" s="211">
        <v>45960</v>
      </c>
      <c r="C1105" s="90" t="s">
        <v>1482</v>
      </c>
      <c r="D1105" s="10" t="s">
        <v>1483</v>
      </c>
      <c r="E1105" s="103">
        <v>31348653</v>
      </c>
      <c r="F1105" s="157" t="s">
        <v>2505</v>
      </c>
      <c r="G1105" s="12">
        <v>1406</v>
      </c>
      <c r="H1105" s="12">
        <v>1729.38</v>
      </c>
      <c r="I1105" s="10" t="s">
        <v>1485</v>
      </c>
      <c r="J1105" s="11">
        <v>2962025</v>
      </c>
    </row>
    <row r="1106" spans="1:10" x14ac:dyDescent="0.25">
      <c r="A1106" s="56" t="s">
        <v>2506</v>
      </c>
      <c r="B1106" s="211">
        <v>45960</v>
      </c>
      <c r="C1106" s="90" t="s">
        <v>1482</v>
      </c>
      <c r="D1106" s="10" t="s">
        <v>1483</v>
      </c>
      <c r="E1106" s="103">
        <v>31348653</v>
      </c>
      <c r="F1106" s="10" t="s">
        <v>1490</v>
      </c>
      <c r="G1106" s="12">
        <v>479</v>
      </c>
      <c r="H1106" s="12">
        <v>589.16999999999996</v>
      </c>
      <c r="I1106" s="10" t="s">
        <v>1485</v>
      </c>
      <c r="J1106" s="11">
        <v>2962025</v>
      </c>
    </row>
    <row r="1107" spans="1:10" x14ac:dyDescent="0.25">
      <c r="A1107" s="56" t="s">
        <v>2507</v>
      </c>
      <c r="B1107" s="211">
        <v>45960</v>
      </c>
      <c r="C1107" s="90" t="s">
        <v>2033</v>
      </c>
      <c r="D1107" s="10" t="s">
        <v>1265</v>
      </c>
      <c r="E1107" s="103">
        <v>35722533</v>
      </c>
      <c r="F1107" s="90" t="s">
        <v>2508</v>
      </c>
      <c r="G1107" s="12">
        <v>307000</v>
      </c>
      <c r="H1107" s="12">
        <v>377610</v>
      </c>
      <c r="I1107" s="10" t="s">
        <v>18</v>
      </c>
      <c r="J1107" s="11">
        <v>2742025</v>
      </c>
    </row>
    <row r="1108" spans="1:10" x14ac:dyDescent="0.25">
      <c r="A1108" s="56" t="s">
        <v>2509</v>
      </c>
      <c r="B1108" s="211">
        <v>45964</v>
      </c>
      <c r="C1108" s="90" t="s">
        <v>81</v>
      </c>
      <c r="D1108" s="17" t="s">
        <v>82</v>
      </c>
      <c r="E1108" s="107">
        <v>35697270</v>
      </c>
      <c r="F1108" s="95" t="s">
        <v>2510</v>
      </c>
      <c r="G1108" s="12">
        <v>4.08</v>
      </c>
      <c r="H1108" s="12">
        <v>5.0199999999999996</v>
      </c>
      <c r="I1108" s="10" t="s">
        <v>84</v>
      </c>
      <c r="J1108" s="11"/>
    </row>
    <row r="1109" spans="1:10" x14ac:dyDescent="0.25">
      <c r="A1109" s="56" t="s">
        <v>2511</v>
      </c>
      <c r="B1109" s="211">
        <v>45947</v>
      </c>
      <c r="C1109" s="90" t="s">
        <v>733</v>
      </c>
      <c r="D1109" s="10" t="s">
        <v>734</v>
      </c>
      <c r="E1109" s="103">
        <v>17320712</v>
      </c>
      <c r="F1109" s="17" t="s">
        <v>2512</v>
      </c>
      <c r="G1109" s="12">
        <v>1853.01</v>
      </c>
      <c r="H1109" s="45" t="s">
        <v>2513</v>
      </c>
      <c r="I1109" s="10"/>
      <c r="J1109" s="11" t="s">
        <v>737</v>
      </c>
    </row>
    <row r="1110" spans="1:10" x14ac:dyDescent="0.25">
      <c r="A1110" s="56" t="s">
        <v>2514</v>
      </c>
      <c r="B1110" s="211">
        <v>45947</v>
      </c>
      <c r="C1110" s="90" t="s">
        <v>733</v>
      </c>
      <c r="D1110" s="10" t="s">
        <v>734</v>
      </c>
      <c r="E1110" s="256">
        <v>17320712</v>
      </c>
      <c r="F1110" s="17" t="s">
        <v>2515</v>
      </c>
      <c r="G1110" s="12">
        <v>1373.68</v>
      </c>
      <c r="H1110" s="45" t="s">
        <v>2516</v>
      </c>
      <c r="I1110" s="10"/>
      <c r="J1110" s="11" t="s">
        <v>737</v>
      </c>
    </row>
    <row r="1111" spans="1:10" x14ac:dyDescent="0.25">
      <c r="A1111" s="56" t="s">
        <v>2517</v>
      </c>
      <c r="B1111" s="211">
        <v>45964</v>
      </c>
      <c r="C1111" s="90" t="s">
        <v>2518</v>
      </c>
      <c r="D1111" s="10" t="s">
        <v>2519</v>
      </c>
      <c r="E1111" s="103">
        <v>36856592</v>
      </c>
      <c r="F1111" s="10" t="s">
        <v>2520</v>
      </c>
      <c r="G1111" s="12">
        <v>7360</v>
      </c>
      <c r="H1111" s="12">
        <v>9052.7999999999993</v>
      </c>
      <c r="I1111" s="10" t="s">
        <v>2521</v>
      </c>
      <c r="J1111" s="11">
        <v>1422025</v>
      </c>
    </row>
    <row r="1112" spans="1:10" x14ac:dyDescent="0.25">
      <c r="A1112" s="56" t="s">
        <v>2522</v>
      </c>
      <c r="B1112" s="211">
        <v>45954</v>
      </c>
      <c r="C1112" s="90" t="s">
        <v>2518</v>
      </c>
      <c r="D1112" s="10" t="s">
        <v>2519</v>
      </c>
      <c r="E1112" s="103">
        <v>36856592</v>
      </c>
      <c r="F1112" s="10" t="s">
        <v>2523</v>
      </c>
      <c r="G1112" s="12">
        <v>10400</v>
      </c>
      <c r="H1112" s="12">
        <v>12792</v>
      </c>
      <c r="I1112" s="10" t="s">
        <v>2521</v>
      </c>
      <c r="J1112" s="11">
        <v>1422025</v>
      </c>
    </row>
    <row r="1113" spans="1:10" x14ac:dyDescent="0.25">
      <c r="A1113" s="56" t="s">
        <v>2524</v>
      </c>
      <c r="B1113" s="211">
        <v>45964</v>
      </c>
      <c r="C1113" s="90" t="s">
        <v>81</v>
      </c>
      <c r="D1113" s="17" t="s">
        <v>82</v>
      </c>
      <c r="E1113" s="107">
        <v>35697270</v>
      </c>
      <c r="F1113" s="17" t="s">
        <v>2525</v>
      </c>
      <c r="G1113" s="12">
        <v>4.08</v>
      </c>
      <c r="H1113" s="12">
        <v>5.0199999999999996</v>
      </c>
      <c r="I1113" s="10" t="s">
        <v>84</v>
      </c>
      <c r="J1113" s="11"/>
    </row>
    <row r="1114" spans="1:10" x14ac:dyDescent="0.25">
      <c r="A1114" s="56" t="s">
        <v>2526</v>
      </c>
      <c r="B1114" s="211">
        <v>45964</v>
      </c>
      <c r="C1114" s="90" t="s">
        <v>81</v>
      </c>
      <c r="D1114" s="17" t="s">
        <v>82</v>
      </c>
      <c r="E1114" s="107">
        <v>35697270</v>
      </c>
      <c r="F1114" s="17" t="s">
        <v>2527</v>
      </c>
      <c r="G1114" s="12">
        <v>4.08</v>
      </c>
      <c r="H1114" s="12">
        <v>5.0199999999999996</v>
      </c>
      <c r="I1114" s="62" t="s">
        <v>84</v>
      </c>
      <c r="J1114" s="11"/>
    </row>
    <row r="1115" spans="1:10" x14ac:dyDescent="0.25">
      <c r="A1115" s="56" t="s">
        <v>2528</v>
      </c>
      <c r="B1115" s="211">
        <v>45964</v>
      </c>
      <c r="C1115" s="90" t="s">
        <v>1245</v>
      </c>
      <c r="D1115" s="17" t="s">
        <v>1246</v>
      </c>
      <c r="E1115" s="107">
        <v>50605399</v>
      </c>
      <c r="F1115" s="17" t="s">
        <v>2529</v>
      </c>
      <c r="G1115" s="12">
        <v>1876</v>
      </c>
      <c r="H1115" s="12">
        <v>1876</v>
      </c>
      <c r="I1115" s="10" t="s">
        <v>2497</v>
      </c>
      <c r="J1115" s="11">
        <v>3222025</v>
      </c>
    </row>
    <row r="1116" spans="1:10" x14ac:dyDescent="0.25">
      <c r="A1116" s="56" t="s">
        <v>2530</v>
      </c>
      <c r="B1116" s="211">
        <v>45964</v>
      </c>
      <c r="C1116" s="90" t="s">
        <v>68</v>
      </c>
      <c r="D1116" s="19" t="s">
        <v>771</v>
      </c>
      <c r="E1116" s="120">
        <v>51906988</v>
      </c>
      <c r="F1116" s="17" t="s">
        <v>2531</v>
      </c>
      <c r="G1116" s="12">
        <v>882.08</v>
      </c>
      <c r="H1116" s="12">
        <v>1084.96</v>
      </c>
      <c r="I1116" s="10" t="s">
        <v>71</v>
      </c>
      <c r="J1116" s="11"/>
    </row>
    <row r="1117" spans="1:10" x14ac:dyDescent="0.25">
      <c r="A1117" s="56" t="s">
        <v>2532</v>
      </c>
      <c r="B1117" s="211">
        <v>45964</v>
      </c>
      <c r="C1117" s="90" t="s">
        <v>2462</v>
      </c>
      <c r="D1117" s="17" t="s">
        <v>128</v>
      </c>
      <c r="E1117" s="107">
        <v>36795135</v>
      </c>
      <c r="F1117" s="10" t="s">
        <v>2533</v>
      </c>
      <c r="G1117" s="12">
        <v>854.2</v>
      </c>
      <c r="H1117" s="12">
        <v>1050.67</v>
      </c>
      <c r="I1117" s="13" t="s">
        <v>2534</v>
      </c>
      <c r="J1117" s="10"/>
    </row>
    <row r="1118" spans="1:10" x14ac:dyDescent="0.25">
      <c r="A1118" s="56" t="s">
        <v>2535</v>
      </c>
      <c r="B1118" s="211">
        <v>45964</v>
      </c>
      <c r="C1118" s="90" t="s">
        <v>2462</v>
      </c>
      <c r="D1118" s="17" t="s">
        <v>128</v>
      </c>
      <c r="E1118" s="107">
        <v>36795135</v>
      </c>
      <c r="F1118" s="11" t="s">
        <v>2536</v>
      </c>
      <c r="G1118" s="12">
        <v>6648.86</v>
      </c>
      <c r="H1118" s="12">
        <v>6648.86</v>
      </c>
      <c r="I1118" s="13" t="s">
        <v>2537</v>
      </c>
      <c r="J1118" s="11"/>
    </row>
    <row r="1119" spans="1:10" x14ac:dyDescent="0.25">
      <c r="A1119" s="56" t="s">
        <v>2538</v>
      </c>
      <c r="B1119" s="211">
        <v>45964</v>
      </c>
      <c r="C1119" s="90" t="s">
        <v>2462</v>
      </c>
      <c r="D1119" s="17" t="s">
        <v>128</v>
      </c>
      <c r="E1119" s="107">
        <v>36795135</v>
      </c>
      <c r="F1119" s="10" t="s">
        <v>2539</v>
      </c>
      <c r="G1119" s="45">
        <v>2142.4</v>
      </c>
      <c r="H1119" s="45">
        <v>2619.73</v>
      </c>
      <c r="I1119" s="13" t="s">
        <v>130</v>
      </c>
      <c r="J1119" s="17"/>
    </row>
    <row r="1120" spans="1:10" x14ac:dyDescent="0.25">
      <c r="A1120" s="56" t="s">
        <v>2540</v>
      </c>
      <c r="B1120" s="211">
        <v>45964</v>
      </c>
      <c r="C1120" s="90" t="s">
        <v>389</v>
      </c>
      <c r="D1120" s="11" t="s">
        <v>390</v>
      </c>
      <c r="E1120" s="103">
        <v>35900831</v>
      </c>
      <c r="F1120" s="89" t="s">
        <v>2541</v>
      </c>
      <c r="G1120" s="12">
        <v>96.75</v>
      </c>
      <c r="H1120" s="12">
        <v>119</v>
      </c>
      <c r="I1120" s="10"/>
      <c r="J1120" s="11">
        <v>1622025</v>
      </c>
    </row>
    <row r="1121" spans="1:10" x14ac:dyDescent="0.25">
      <c r="A1121" s="56" t="s">
        <v>2542</v>
      </c>
      <c r="B1121" s="211">
        <v>45964</v>
      </c>
      <c r="C1121" s="90" t="s">
        <v>148</v>
      </c>
      <c r="D1121" s="17" t="s">
        <v>365</v>
      </c>
      <c r="E1121" s="107">
        <v>53227514</v>
      </c>
      <c r="F1121" s="10" t="s">
        <v>2543</v>
      </c>
      <c r="G1121" s="12">
        <v>15394</v>
      </c>
      <c r="H1121" s="12">
        <v>17214.400000000001</v>
      </c>
      <c r="I1121" s="10" t="s">
        <v>2093</v>
      </c>
      <c r="J1121" s="10"/>
    </row>
    <row r="1122" spans="1:10" x14ac:dyDescent="0.25">
      <c r="A1122" s="56" t="s">
        <v>2544</v>
      </c>
      <c r="B1122" s="211">
        <v>45964</v>
      </c>
      <c r="C1122" s="90" t="s">
        <v>148</v>
      </c>
      <c r="D1122" s="10" t="s">
        <v>365</v>
      </c>
      <c r="E1122" s="103">
        <v>53227514</v>
      </c>
      <c r="F1122" s="17" t="s">
        <v>2545</v>
      </c>
      <c r="G1122" s="12">
        <v>2500</v>
      </c>
      <c r="H1122" s="12">
        <v>3075</v>
      </c>
      <c r="I1122" s="10" t="s">
        <v>2093</v>
      </c>
      <c r="J1122" s="10"/>
    </row>
    <row r="1123" spans="1:10" x14ac:dyDescent="0.25">
      <c r="A1123" s="56" t="s">
        <v>2546</v>
      </c>
      <c r="B1123" s="211">
        <v>45964</v>
      </c>
      <c r="C1123" s="90" t="s">
        <v>134</v>
      </c>
      <c r="D1123" s="10" t="s">
        <v>135</v>
      </c>
      <c r="E1123" s="103">
        <v>35889063</v>
      </c>
      <c r="F1123" s="159" t="s">
        <v>2547</v>
      </c>
      <c r="G1123" s="12">
        <v>100</v>
      </c>
      <c r="H1123" s="12">
        <v>100</v>
      </c>
      <c r="I1123" s="62" t="s">
        <v>1341</v>
      </c>
      <c r="J1123" s="11"/>
    </row>
    <row r="1124" spans="1:10" x14ac:dyDescent="0.25">
      <c r="A1124" s="56" t="s">
        <v>2548</v>
      </c>
      <c r="B1124" s="211">
        <v>45964</v>
      </c>
      <c r="C1124" s="90" t="s">
        <v>774</v>
      </c>
      <c r="D1124" s="10" t="s">
        <v>775</v>
      </c>
      <c r="E1124" s="103">
        <v>36857165</v>
      </c>
      <c r="F1124" s="10" t="s">
        <v>2549</v>
      </c>
      <c r="G1124" s="12">
        <v>4.99</v>
      </c>
      <c r="H1124" s="12">
        <v>6.14</v>
      </c>
      <c r="I1124" s="10" t="s">
        <v>1789</v>
      </c>
      <c r="J1124" s="10"/>
    </row>
    <row r="1125" spans="1:10" x14ac:dyDescent="0.25">
      <c r="A1125" s="56" t="s">
        <v>2550</v>
      </c>
      <c r="B1125" s="211">
        <v>45964</v>
      </c>
      <c r="C1125" s="90" t="s">
        <v>2551</v>
      </c>
      <c r="D1125" s="10" t="s">
        <v>2552</v>
      </c>
      <c r="E1125" s="103">
        <v>54998778</v>
      </c>
      <c r="F1125" s="158" t="s">
        <v>2553</v>
      </c>
      <c r="G1125" s="12">
        <v>10421.24</v>
      </c>
      <c r="H1125" s="12">
        <v>11329</v>
      </c>
      <c r="I1125" s="10"/>
      <c r="J1125" s="11">
        <v>2522025</v>
      </c>
    </row>
    <row r="1126" spans="1:10" x14ac:dyDescent="0.25">
      <c r="A1126" s="56" t="s">
        <v>2554</v>
      </c>
      <c r="B1126" s="211">
        <v>45964</v>
      </c>
      <c r="C1126" s="90" t="s">
        <v>2555</v>
      </c>
      <c r="D1126" s="10" t="s">
        <v>721</v>
      </c>
      <c r="E1126" s="103">
        <v>31592503</v>
      </c>
      <c r="F1126" s="262" t="s">
        <v>2556</v>
      </c>
      <c r="G1126" s="12">
        <v>100</v>
      </c>
      <c r="H1126" s="12">
        <v>123</v>
      </c>
      <c r="I1126" s="10"/>
      <c r="J1126" s="11">
        <v>3022025</v>
      </c>
    </row>
    <row r="1127" spans="1:10" x14ac:dyDescent="0.25">
      <c r="A1127" s="56" t="s">
        <v>2557</v>
      </c>
      <c r="B1127" s="211">
        <v>45965</v>
      </c>
      <c r="C1127" s="90" t="s">
        <v>139</v>
      </c>
      <c r="D1127" s="10" t="s">
        <v>140</v>
      </c>
      <c r="E1127" s="103">
        <v>47235713</v>
      </c>
      <c r="F1127" s="95" t="s">
        <v>2558</v>
      </c>
      <c r="G1127" s="12">
        <v>20</v>
      </c>
      <c r="H1127" s="12">
        <v>24.6</v>
      </c>
      <c r="I1127" s="10" t="s">
        <v>2559</v>
      </c>
      <c r="J1127" s="10"/>
    </row>
    <row r="1128" spans="1:10" x14ac:dyDescent="0.25">
      <c r="A1128" s="56" t="s">
        <v>2560</v>
      </c>
      <c r="B1128" s="211">
        <v>45965</v>
      </c>
      <c r="C1128" s="90" t="s">
        <v>139</v>
      </c>
      <c r="D1128" s="10" t="s">
        <v>140</v>
      </c>
      <c r="E1128" s="103">
        <v>47235713</v>
      </c>
      <c r="F1128" s="17" t="s">
        <v>2561</v>
      </c>
      <c r="G1128" s="12">
        <v>6434.5</v>
      </c>
      <c r="H1128" s="12">
        <v>7914.44</v>
      </c>
      <c r="I1128" s="10" t="s">
        <v>2559</v>
      </c>
      <c r="J1128" s="10"/>
    </row>
    <row r="1129" spans="1:10" x14ac:dyDescent="0.25">
      <c r="A1129" s="56" t="s">
        <v>2562</v>
      </c>
      <c r="B1129" s="211">
        <v>45965</v>
      </c>
      <c r="C1129" s="90" t="s">
        <v>139</v>
      </c>
      <c r="D1129" s="10" t="s">
        <v>140</v>
      </c>
      <c r="E1129" s="103">
        <v>47235713</v>
      </c>
      <c r="F1129" s="17" t="s">
        <v>2563</v>
      </c>
      <c r="G1129" s="12">
        <v>26336.080000000002</v>
      </c>
      <c r="H1129" s="12">
        <v>27188.81</v>
      </c>
      <c r="I1129" s="56" t="s">
        <v>2559</v>
      </c>
      <c r="J1129" s="10"/>
    </row>
    <row r="1130" spans="1:10" x14ac:dyDescent="0.25">
      <c r="A1130" s="56" t="s">
        <v>2564</v>
      </c>
      <c r="B1130" s="211">
        <v>45965</v>
      </c>
      <c r="C1130" s="90" t="s">
        <v>139</v>
      </c>
      <c r="D1130" s="10" t="s">
        <v>140</v>
      </c>
      <c r="E1130" s="103">
        <v>47235713</v>
      </c>
      <c r="F1130" s="11" t="s">
        <v>2565</v>
      </c>
      <c r="G1130" s="12">
        <v>1747.6</v>
      </c>
      <c r="H1130" s="12">
        <v>2149.5500000000002</v>
      </c>
      <c r="I1130" s="10" t="s">
        <v>2559</v>
      </c>
      <c r="J1130" s="10"/>
    </row>
    <row r="1131" spans="1:10" x14ac:dyDescent="0.25">
      <c r="A1131" s="56" t="s">
        <v>2566</v>
      </c>
      <c r="B1131" s="211">
        <v>45965</v>
      </c>
      <c r="C1131" s="90" t="s">
        <v>2567</v>
      </c>
      <c r="D1131" s="17" t="s">
        <v>2568</v>
      </c>
      <c r="E1131" s="107">
        <v>43955134</v>
      </c>
      <c r="F1131" s="10" t="s">
        <v>2569</v>
      </c>
      <c r="G1131" s="12">
        <v>104.88</v>
      </c>
      <c r="H1131" s="12">
        <v>129</v>
      </c>
      <c r="I1131" s="10"/>
      <c r="J1131" s="11">
        <v>3342025</v>
      </c>
    </row>
    <row r="1132" spans="1:10" x14ac:dyDescent="0.25">
      <c r="A1132" s="56" t="s">
        <v>2570</v>
      </c>
      <c r="B1132" s="211">
        <v>45965</v>
      </c>
      <c r="C1132" s="90" t="s">
        <v>389</v>
      </c>
      <c r="D1132" s="11" t="s">
        <v>390</v>
      </c>
      <c r="E1132" s="103">
        <v>35900831</v>
      </c>
      <c r="F1132" s="89" t="s">
        <v>2571</v>
      </c>
      <c r="G1132" s="12">
        <v>239.02</v>
      </c>
      <c r="H1132" s="12">
        <v>294</v>
      </c>
      <c r="I1132" s="10"/>
      <c r="J1132" s="11">
        <v>2902025</v>
      </c>
    </row>
    <row r="1133" spans="1:10" x14ac:dyDescent="0.25">
      <c r="A1133" s="56" t="s">
        <v>2572</v>
      </c>
      <c r="B1133" s="211">
        <v>45965</v>
      </c>
      <c r="C1133" s="90" t="s">
        <v>2033</v>
      </c>
      <c r="D1133" s="10" t="s">
        <v>1265</v>
      </c>
      <c r="E1133" s="103">
        <v>35722533</v>
      </c>
      <c r="F1133" s="17" t="s">
        <v>2573</v>
      </c>
      <c r="G1133" s="12">
        <v>3526</v>
      </c>
      <c r="H1133" s="12">
        <v>4336.9799999999996</v>
      </c>
      <c r="I1133" s="10" t="s">
        <v>2574</v>
      </c>
      <c r="J1133" s="10"/>
    </row>
    <row r="1134" spans="1:10" s="283" customFormat="1" x14ac:dyDescent="0.25">
      <c r="A1134" s="290" t="s">
        <v>2575</v>
      </c>
      <c r="B1134" s="277">
        <v>45965</v>
      </c>
      <c r="C1134" s="291" t="s">
        <v>1727</v>
      </c>
      <c r="D1134" s="278" t="s">
        <v>473</v>
      </c>
      <c r="E1134" s="292">
        <v>31567282</v>
      </c>
      <c r="F1134" s="276" t="s">
        <v>1970</v>
      </c>
      <c r="G1134" s="320">
        <v>1610</v>
      </c>
      <c r="H1134" s="320">
        <v>1980.3</v>
      </c>
      <c r="I1134" s="276" t="s">
        <v>475</v>
      </c>
      <c r="J1134" s="278" t="s">
        <v>2576</v>
      </c>
    </row>
    <row r="1135" spans="1:10" x14ac:dyDescent="0.25">
      <c r="A1135" s="56" t="s">
        <v>2577</v>
      </c>
      <c r="B1135" s="211">
        <v>45965</v>
      </c>
      <c r="C1135" s="90" t="s">
        <v>117</v>
      </c>
      <c r="D1135" s="19" t="s">
        <v>118</v>
      </c>
      <c r="E1135" s="120">
        <v>46380434</v>
      </c>
      <c r="F1135" s="95" t="s">
        <v>2578</v>
      </c>
      <c r="G1135" s="12">
        <v>1045</v>
      </c>
      <c r="H1135" s="12">
        <v>1285.3499999999999</v>
      </c>
      <c r="I1135" s="62" t="s">
        <v>120</v>
      </c>
      <c r="J1135" s="10"/>
    </row>
    <row r="1136" spans="1:10" x14ac:dyDescent="0.25">
      <c r="A1136" s="56" t="s">
        <v>2579</v>
      </c>
      <c r="B1136" s="211">
        <v>45965</v>
      </c>
      <c r="C1136" s="90" t="s">
        <v>1482</v>
      </c>
      <c r="D1136" s="14" t="s">
        <v>1483</v>
      </c>
      <c r="E1136" s="115">
        <v>31348653</v>
      </c>
      <c r="F1136" s="14" t="s">
        <v>2580</v>
      </c>
      <c r="G1136" s="15">
        <v>239.42</v>
      </c>
      <c r="H1136" s="15">
        <v>294.49</v>
      </c>
      <c r="I1136" s="14" t="s">
        <v>1485</v>
      </c>
      <c r="J1136" s="116">
        <v>3312025</v>
      </c>
    </row>
    <row r="1137" spans="1:10" x14ac:dyDescent="0.25">
      <c r="A1137" s="56" t="s">
        <v>2581</v>
      </c>
      <c r="B1137" s="211">
        <v>45965</v>
      </c>
      <c r="C1137" s="90" t="s">
        <v>1482</v>
      </c>
      <c r="D1137" s="10" t="s">
        <v>1483</v>
      </c>
      <c r="E1137" s="103">
        <v>31348653</v>
      </c>
      <c r="F1137" s="90" t="s">
        <v>2582</v>
      </c>
      <c r="G1137" s="12">
        <v>274.29000000000002</v>
      </c>
      <c r="H1137" s="12">
        <v>337.38</v>
      </c>
      <c r="I1137" s="10" t="s">
        <v>1485</v>
      </c>
      <c r="J1137" s="11">
        <v>3322025</v>
      </c>
    </row>
    <row r="1138" spans="1:10" x14ac:dyDescent="0.25">
      <c r="A1138" s="56" t="s">
        <v>2583</v>
      </c>
      <c r="B1138" s="211">
        <v>45965</v>
      </c>
      <c r="C1138" s="90" t="s">
        <v>1482</v>
      </c>
      <c r="D1138" s="10" t="s">
        <v>1483</v>
      </c>
      <c r="E1138" s="146">
        <v>31348653</v>
      </c>
      <c r="F1138" s="10" t="s">
        <v>1494</v>
      </c>
      <c r="G1138" s="12">
        <v>444</v>
      </c>
      <c r="H1138" s="12">
        <v>546.12</v>
      </c>
      <c r="I1138" s="10" t="s">
        <v>1485</v>
      </c>
      <c r="J1138" s="11">
        <v>2962025</v>
      </c>
    </row>
    <row r="1139" spans="1:10" x14ac:dyDescent="0.25">
      <c r="A1139" s="56" t="s">
        <v>2584</v>
      </c>
      <c r="B1139" s="211">
        <v>45965</v>
      </c>
      <c r="C1139" s="90" t="s">
        <v>357</v>
      </c>
      <c r="D1139" s="11" t="s">
        <v>358</v>
      </c>
      <c r="E1139" s="146">
        <v>36250481</v>
      </c>
      <c r="F1139" s="17" t="s">
        <v>2585</v>
      </c>
      <c r="G1139" s="45">
        <v>34865.5</v>
      </c>
      <c r="H1139" s="45">
        <v>42884.57</v>
      </c>
      <c r="I1139" s="13" t="s">
        <v>360</v>
      </c>
      <c r="J1139" s="11" t="s">
        <v>1001</v>
      </c>
    </row>
    <row r="1140" spans="1:10" x14ac:dyDescent="0.25">
      <c r="A1140" s="10" t="s">
        <v>2586</v>
      </c>
      <c r="B1140" s="221">
        <v>45965</v>
      </c>
      <c r="C1140" s="90" t="s">
        <v>357</v>
      </c>
      <c r="D1140" s="11" t="s">
        <v>358</v>
      </c>
      <c r="E1140" s="103">
        <v>36250481</v>
      </c>
      <c r="F1140" s="17" t="s">
        <v>2587</v>
      </c>
      <c r="G1140" s="12">
        <v>9231.7199999999993</v>
      </c>
      <c r="H1140" s="12">
        <v>11355.02</v>
      </c>
      <c r="I1140" s="10" t="s">
        <v>360</v>
      </c>
      <c r="J1140" s="11">
        <v>922025</v>
      </c>
    </row>
    <row r="1141" spans="1:10" x14ac:dyDescent="0.25">
      <c r="A1141" s="10" t="s">
        <v>2588</v>
      </c>
      <c r="B1141" s="221">
        <v>45965</v>
      </c>
      <c r="C1141" s="90" t="s">
        <v>357</v>
      </c>
      <c r="D1141" s="11" t="s">
        <v>358</v>
      </c>
      <c r="E1141" s="103">
        <v>36250481</v>
      </c>
      <c r="F1141" s="11" t="s">
        <v>2589</v>
      </c>
      <c r="G1141" s="45">
        <v>3500</v>
      </c>
      <c r="H1141" s="45">
        <v>4305</v>
      </c>
      <c r="I1141" s="13" t="s">
        <v>387</v>
      </c>
      <c r="J1141" s="11"/>
    </row>
    <row r="1142" spans="1:10" x14ac:dyDescent="0.25">
      <c r="A1142" s="187" t="s">
        <v>2590</v>
      </c>
      <c r="B1142" s="231">
        <v>45758</v>
      </c>
      <c r="C1142" s="187" t="s">
        <v>357</v>
      </c>
      <c r="D1142" s="197" t="s">
        <v>358</v>
      </c>
      <c r="E1142" s="197">
        <v>36250481</v>
      </c>
      <c r="F1142" s="187" t="s">
        <v>2591</v>
      </c>
      <c r="G1142" s="223" t="s">
        <v>2592</v>
      </c>
      <c r="H1142" s="223" t="s">
        <v>2593</v>
      </c>
      <c r="I1142" s="187" t="s">
        <v>360</v>
      </c>
      <c r="J1142" s="197">
        <v>2172025</v>
      </c>
    </row>
    <row r="1143" spans="1:10" x14ac:dyDescent="0.25">
      <c r="A1143" s="10" t="s">
        <v>2594</v>
      </c>
      <c r="B1143" s="221">
        <v>45965</v>
      </c>
      <c r="C1143" s="90" t="s">
        <v>2085</v>
      </c>
      <c r="D1143" s="249" t="s">
        <v>2050</v>
      </c>
      <c r="E1143" s="258">
        <v>47259116</v>
      </c>
      <c r="F1143" s="161" t="s">
        <v>2595</v>
      </c>
      <c r="G1143" s="12">
        <v>3739.36</v>
      </c>
      <c r="H1143" s="12">
        <v>4599.41</v>
      </c>
      <c r="I1143" s="10" t="s">
        <v>2087</v>
      </c>
      <c r="J1143" s="116"/>
    </row>
    <row r="1144" spans="1:10" x14ac:dyDescent="0.25">
      <c r="A1144" s="10" t="s">
        <v>2596</v>
      </c>
      <c r="B1144" s="221">
        <v>45966</v>
      </c>
      <c r="C1144" s="90" t="s">
        <v>164</v>
      </c>
      <c r="D1144" s="11" t="s">
        <v>165</v>
      </c>
      <c r="E1144" s="103">
        <v>43799485</v>
      </c>
      <c r="F1144" s="11" t="s">
        <v>2597</v>
      </c>
      <c r="G1144" s="45">
        <v>17868.330000000002</v>
      </c>
      <c r="H1144" s="45">
        <v>18006.330000000002</v>
      </c>
      <c r="I1144" s="13" t="s">
        <v>167</v>
      </c>
      <c r="J1144" s="11"/>
    </row>
    <row r="1145" spans="1:10" x14ac:dyDescent="0.25">
      <c r="A1145" s="10" t="s">
        <v>2598</v>
      </c>
      <c r="B1145" s="221">
        <v>45966</v>
      </c>
      <c r="C1145" s="90" t="s">
        <v>164</v>
      </c>
      <c r="D1145" s="11" t="s">
        <v>165</v>
      </c>
      <c r="E1145" s="103">
        <v>43799485</v>
      </c>
      <c r="F1145" s="11" t="s">
        <v>2599</v>
      </c>
      <c r="G1145" s="45">
        <v>3000</v>
      </c>
      <c r="H1145" s="45">
        <v>3670</v>
      </c>
      <c r="I1145" s="13" t="s">
        <v>167</v>
      </c>
      <c r="J1145" s="11"/>
    </row>
    <row r="1146" spans="1:10" x14ac:dyDescent="0.25">
      <c r="A1146" s="187" t="s">
        <v>2600</v>
      </c>
      <c r="B1146" s="294">
        <v>45966</v>
      </c>
      <c r="C1146" s="187" t="s">
        <v>95</v>
      </c>
      <c r="D1146" s="187" t="s">
        <v>96</v>
      </c>
      <c r="E1146" s="187">
        <v>31322832</v>
      </c>
      <c r="F1146" s="187" t="s">
        <v>2601</v>
      </c>
      <c r="G1146" s="223" t="s">
        <v>2602</v>
      </c>
      <c r="H1146" s="223" t="s">
        <v>2603</v>
      </c>
      <c r="I1146" s="187" t="s">
        <v>98</v>
      </c>
      <c r="J1146" s="187" t="s">
        <v>1695</v>
      </c>
    </row>
    <row r="1147" spans="1:10" x14ac:dyDescent="0.25">
      <c r="A1147" s="187" t="s">
        <v>2604</v>
      </c>
      <c r="B1147" s="309">
        <v>45966</v>
      </c>
      <c r="C1147" s="187" t="s">
        <v>44</v>
      </c>
      <c r="D1147" s="197" t="s">
        <v>45</v>
      </c>
      <c r="E1147" s="197">
        <v>35731851</v>
      </c>
      <c r="F1147" s="187" t="s">
        <v>2605</v>
      </c>
      <c r="G1147" s="229" t="s">
        <v>2606</v>
      </c>
      <c r="H1147" s="229" t="s">
        <v>2607</v>
      </c>
      <c r="I1147" s="272" t="s">
        <v>2608</v>
      </c>
      <c r="J1147" s="197">
        <v>1792024</v>
      </c>
    </row>
    <row r="1148" spans="1:10" x14ac:dyDescent="0.25">
      <c r="A1148" s="187" t="s">
        <v>2609</v>
      </c>
      <c r="B1148" s="316">
        <v>45966</v>
      </c>
      <c r="C1148" s="187" t="s">
        <v>44</v>
      </c>
      <c r="D1148" s="197" t="s">
        <v>45</v>
      </c>
      <c r="E1148" s="197">
        <v>35731851</v>
      </c>
      <c r="F1148" s="187" t="s">
        <v>2610</v>
      </c>
      <c r="G1148" s="229" t="s">
        <v>2606</v>
      </c>
      <c r="H1148" s="229" t="s">
        <v>2607</v>
      </c>
      <c r="I1148" s="272" t="s">
        <v>47</v>
      </c>
      <c r="J1148" s="197">
        <v>1792024</v>
      </c>
    </row>
    <row r="1149" spans="1:10" x14ac:dyDescent="0.25">
      <c r="A1149" s="187" t="s">
        <v>2611</v>
      </c>
      <c r="B1149" s="316">
        <v>45966</v>
      </c>
      <c r="C1149" s="187" t="s">
        <v>44</v>
      </c>
      <c r="D1149" s="197" t="s">
        <v>45</v>
      </c>
      <c r="E1149" s="197">
        <v>35731851</v>
      </c>
      <c r="F1149" s="187" t="s">
        <v>2612</v>
      </c>
      <c r="G1149" s="229" t="s">
        <v>2606</v>
      </c>
      <c r="H1149" s="229" t="s">
        <v>2607</v>
      </c>
      <c r="I1149" s="272" t="s">
        <v>47</v>
      </c>
      <c r="J1149" s="197">
        <v>1792024</v>
      </c>
    </row>
    <row r="1150" spans="1:10" x14ac:dyDescent="0.25">
      <c r="A1150" s="187" t="s">
        <v>2613</v>
      </c>
      <c r="B1150" s="316">
        <v>45966</v>
      </c>
      <c r="C1150" s="187" t="s">
        <v>44</v>
      </c>
      <c r="D1150" s="197" t="s">
        <v>45</v>
      </c>
      <c r="E1150" s="197">
        <v>35731851</v>
      </c>
      <c r="F1150" s="187" t="s">
        <v>2614</v>
      </c>
      <c r="G1150" s="229" t="s">
        <v>2606</v>
      </c>
      <c r="H1150" s="229" t="s">
        <v>2607</v>
      </c>
      <c r="I1150" s="272" t="s">
        <v>47</v>
      </c>
      <c r="J1150" s="197">
        <v>1792024</v>
      </c>
    </row>
    <row r="1151" spans="1:10" x14ac:dyDescent="0.25">
      <c r="A1151" s="181" t="s">
        <v>2615</v>
      </c>
      <c r="B1151" s="309">
        <v>45966</v>
      </c>
      <c r="C1151" s="182" t="s">
        <v>44</v>
      </c>
      <c r="D1151" s="197" t="s">
        <v>45</v>
      </c>
      <c r="E1151" s="197">
        <v>35731851</v>
      </c>
      <c r="F1151" s="187" t="s">
        <v>2616</v>
      </c>
      <c r="G1151" s="328" t="s">
        <v>2606</v>
      </c>
      <c r="H1151" s="328" t="s">
        <v>2607</v>
      </c>
      <c r="I1151" s="272" t="s">
        <v>47</v>
      </c>
      <c r="J1151" s="197">
        <v>1792024</v>
      </c>
    </row>
    <row r="1152" spans="1:10" x14ac:dyDescent="0.25">
      <c r="A1152" s="227" t="s">
        <v>2617</v>
      </c>
      <c r="B1152" s="309">
        <v>45966</v>
      </c>
      <c r="C1152" s="187" t="s">
        <v>44</v>
      </c>
      <c r="D1152" s="197" t="s">
        <v>45</v>
      </c>
      <c r="E1152" s="197">
        <v>35731851</v>
      </c>
      <c r="F1152" s="187" t="s">
        <v>2618</v>
      </c>
      <c r="G1152" s="229" t="s">
        <v>2606</v>
      </c>
      <c r="H1152" s="229" t="s">
        <v>2607</v>
      </c>
      <c r="I1152" s="275" t="s">
        <v>47</v>
      </c>
      <c r="J1152" s="197">
        <v>1792024</v>
      </c>
    </row>
    <row r="1153" spans="1:10" x14ac:dyDescent="0.25">
      <c r="A1153" s="227" t="s">
        <v>2619</v>
      </c>
      <c r="B1153" s="309">
        <v>45966</v>
      </c>
      <c r="C1153" s="240" t="s">
        <v>44</v>
      </c>
      <c r="D1153" s="250" t="s">
        <v>45</v>
      </c>
      <c r="E1153" s="250">
        <v>35731851</v>
      </c>
      <c r="F1153" s="187" t="s">
        <v>2620</v>
      </c>
      <c r="G1153" s="329" t="s">
        <v>2606</v>
      </c>
      <c r="H1153" s="330" t="s">
        <v>2607</v>
      </c>
      <c r="I1153" s="272" t="s">
        <v>47</v>
      </c>
      <c r="J1153" s="184">
        <v>1792024</v>
      </c>
    </row>
    <row r="1154" spans="1:10" x14ac:dyDescent="0.25">
      <c r="A1154" s="227" t="s">
        <v>2621</v>
      </c>
      <c r="B1154" s="309">
        <v>45966</v>
      </c>
      <c r="C1154" s="197" t="s">
        <v>44</v>
      </c>
      <c r="D1154" s="197" t="s">
        <v>45</v>
      </c>
      <c r="E1154" s="197">
        <v>35731851</v>
      </c>
      <c r="F1154" s="187" t="s">
        <v>2622</v>
      </c>
      <c r="G1154" s="229" t="s">
        <v>2606</v>
      </c>
      <c r="H1154" s="229" t="s">
        <v>2607</v>
      </c>
      <c r="I1154" s="272" t="s">
        <v>47</v>
      </c>
      <c r="J1154" s="197">
        <v>1792024</v>
      </c>
    </row>
    <row r="1155" spans="1:10" x14ac:dyDescent="0.25">
      <c r="A1155" s="56" t="s">
        <v>2623</v>
      </c>
      <c r="B1155" s="211">
        <v>45967</v>
      </c>
      <c r="C1155" s="90" t="s">
        <v>914</v>
      </c>
      <c r="D1155" s="10" t="s">
        <v>915</v>
      </c>
      <c r="E1155" s="103">
        <v>35752831</v>
      </c>
      <c r="F1155" s="10" t="s">
        <v>2624</v>
      </c>
      <c r="G1155" s="12">
        <v>203.73</v>
      </c>
      <c r="H1155" s="12">
        <v>250.59</v>
      </c>
      <c r="I1155" s="151" t="s">
        <v>917</v>
      </c>
      <c r="J1155" s="11"/>
    </row>
    <row r="1156" spans="1:10" x14ac:dyDescent="0.25">
      <c r="A1156" s="56" t="s">
        <v>2625</v>
      </c>
      <c r="B1156" s="211">
        <v>45967</v>
      </c>
      <c r="C1156" s="90" t="s">
        <v>914</v>
      </c>
      <c r="D1156" s="10" t="s">
        <v>915</v>
      </c>
      <c r="E1156" s="103">
        <v>35752831</v>
      </c>
      <c r="F1156" s="10" t="s">
        <v>2626</v>
      </c>
      <c r="G1156" s="12">
        <v>129.74</v>
      </c>
      <c r="H1156" s="12">
        <v>159.58000000000001</v>
      </c>
      <c r="I1156" s="151" t="s">
        <v>2062</v>
      </c>
      <c r="J1156" s="11"/>
    </row>
    <row r="1157" spans="1:10" x14ac:dyDescent="0.25">
      <c r="A1157" s="227" t="s">
        <v>2627</v>
      </c>
      <c r="B1157" s="294">
        <v>45967</v>
      </c>
      <c r="C1157" s="187" t="s">
        <v>63</v>
      </c>
      <c r="D1157" s="187" t="s">
        <v>64</v>
      </c>
      <c r="E1157" s="187">
        <v>35872900</v>
      </c>
      <c r="F1157" s="187" t="s">
        <v>2628</v>
      </c>
      <c r="G1157" s="223" t="s">
        <v>2629</v>
      </c>
      <c r="H1157" s="223" t="s">
        <v>2630</v>
      </c>
      <c r="I1157" s="187" t="s">
        <v>1795</v>
      </c>
      <c r="J1157" s="187">
        <v>2632025</v>
      </c>
    </row>
    <row r="1158" spans="1:10" x14ac:dyDescent="0.25">
      <c r="A1158" s="227" t="s">
        <v>2631</v>
      </c>
      <c r="B1158" s="309">
        <v>45967</v>
      </c>
      <c r="C1158" s="187" t="s">
        <v>455</v>
      </c>
      <c r="D1158" s="197" t="s">
        <v>607</v>
      </c>
      <c r="E1158" s="197">
        <v>31609058</v>
      </c>
      <c r="F1158" s="197" t="s">
        <v>2632</v>
      </c>
      <c r="G1158" s="229" t="s">
        <v>2633</v>
      </c>
      <c r="H1158" s="229" t="s">
        <v>2634</v>
      </c>
      <c r="I1158" s="197" t="s">
        <v>458</v>
      </c>
      <c r="J1158" s="197" t="s">
        <v>1695</v>
      </c>
    </row>
    <row r="1159" spans="1:10" x14ac:dyDescent="0.25">
      <c r="A1159" s="227" t="s">
        <v>2635</v>
      </c>
      <c r="B1159" s="309">
        <v>45967</v>
      </c>
      <c r="C1159" s="187" t="s">
        <v>455</v>
      </c>
      <c r="D1159" s="197" t="s">
        <v>607</v>
      </c>
      <c r="E1159" s="197">
        <v>31609058</v>
      </c>
      <c r="F1159" s="197" t="s">
        <v>2636</v>
      </c>
      <c r="G1159" s="229" t="s">
        <v>2637</v>
      </c>
      <c r="H1159" s="229" t="s">
        <v>2638</v>
      </c>
      <c r="I1159" s="197" t="s">
        <v>458</v>
      </c>
      <c r="J1159" s="197" t="s">
        <v>1695</v>
      </c>
    </row>
    <row r="1160" spans="1:10" x14ac:dyDescent="0.25">
      <c r="A1160" s="56" t="s">
        <v>2639</v>
      </c>
      <c r="B1160" s="211">
        <v>45967</v>
      </c>
      <c r="C1160" s="90" t="s">
        <v>182</v>
      </c>
      <c r="D1160" s="11" t="s">
        <v>183</v>
      </c>
      <c r="E1160" s="103">
        <v>48059528</v>
      </c>
      <c r="F1160" s="11" t="s">
        <v>2640</v>
      </c>
      <c r="G1160" s="12">
        <v>3980.95</v>
      </c>
      <c r="H1160" s="12">
        <v>4180</v>
      </c>
      <c r="I1160" s="10" t="s">
        <v>2641</v>
      </c>
      <c r="J1160" s="11"/>
    </row>
    <row r="1161" spans="1:10" x14ac:dyDescent="0.25">
      <c r="A1161" s="56" t="s">
        <v>2642</v>
      </c>
      <c r="B1161" s="211">
        <v>45967</v>
      </c>
      <c r="C1161" s="90" t="s">
        <v>155</v>
      </c>
      <c r="D1161" s="10" t="s">
        <v>156</v>
      </c>
      <c r="E1161" s="103">
        <v>36687936</v>
      </c>
      <c r="F1161" s="11" t="s">
        <v>2643</v>
      </c>
      <c r="G1161" s="45">
        <v>19323.099999999999</v>
      </c>
      <c r="H1161" s="45">
        <v>19714.099999999999</v>
      </c>
      <c r="I1161" s="13" t="s">
        <v>158</v>
      </c>
      <c r="J1161" s="11"/>
    </row>
    <row r="1162" spans="1:10" x14ac:dyDescent="0.25">
      <c r="A1162" s="56" t="s">
        <v>2644</v>
      </c>
      <c r="B1162" s="211">
        <v>45967</v>
      </c>
      <c r="C1162" s="90" t="s">
        <v>155</v>
      </c>
      <c r="D1162" s="10" t="s">
        <v>156</v>
      </c>
      <c r="E1162" s="103">
        <v>36687936</v>
      </c>
      <c r="F1162" s="11" t="s">
        <v>2645</v>
      </c>
      <c r="G1162" s="45">
        <v>4386</v>
      </c>
      <c r="H1162" s="45">
        <v>5394.78</v>
      </c>
      <c r="I1162" s="13" t="s">
        <v>158</v>
      </c>
      <c r="J1162" s="11"/>
    </row>
    <row r="1163" spans="1:10" x14ac:dyDescent="0.25">
      <c r="A1163" s="56" t="s">
        <v>2646</v>
      </c>
      <c r="B1163" s="211">
        <v>45967</v>
      </c>
      <c r="C1163" s="90" t="s">
        <v>155</v>
      </c>
      <c r="D1163" s="10" t="s">
        <v>156</v>
      </c>
      <c r="E1163" s="103">
        <v>36687936</v>
      </c>
      <c r="F1163" s="11" t="s">
        <v>2647</v>
      </c>
      <c r="G1163" s="45">
        <v>2777.8</v>
      </c>
      <c r="H1163" s="45">
        <v>3416.69</v>
      </c>
      <c r="I1163" s="13" t="s">
        <v>158</v>
      </c>
      <c r="J1163" s="11"/>
    </row>
    <row r="1164" spans="1:10" x14ac:dyDescent="0.25">
      <c r="A1164" s="56" t="s">
        <v>2648</v>
      </c>
      <c r="B1164" s="211">
        <v>45967</v>
      </c>
      <c r="C1164" s="90" t="s">
        <v>2188</v>
      </c>
      <c r="D1164" s="10" t="s">
        <v>2189</v>
      </c>
      <c r="E1164" s="103">
        <v>47651695</v>
      </c>
      <c r="F1164" s="90" t="s">
        <v>2649</v>
      </c>
      <c r="G1164" s="12">
        <v>2581.4899999999998</v>
      </c>
      <c r="H1164" s="12">
        <v>2739.83</v>
      </c>
      <c r="I1164" s="10"/>
      <c r="J1164" s="11">
        <v>2852025</v>
      </c>
    </row>
    <row r="1165" spans="1:10" x14ac:dyDescent="0.25">
      <c r="A1165" s="56" t="s">
        <v>2650</v>
      </c>
      <c r="B1165" s="211">
        <v>45968</v>
      </c>
      <c r="C1165" s="90" t="s">
        <v>2348</v>
      </c>
      <c r="D1165" s="10" t="s">
        <v>2349</v>
      </c>
      <c r="E1165" s="103">
        <v>36526312</v>
      </c>
      <c r="F1165" s="162" t="s">
        <v>2651</v>
      </c>
      <c r="G1165" s="12">
        <v>1000</v>
      </c>
      <c r="H1165" s="12">
        <v>1230</v>
      </c>
      <c r="I1165" s="10"/>
      <c r="J1165" s="11" t="s">
        <v>2652</v>
      </c>
    </row>
    <row r="1166" spans="1:10" x14ac:dyDescent="0.25">
      <c r="A1166" s="56" t="s">
        <v>2653</v>
      </c>
      <c r="B1166" s="211">
        <v>45968</v>
      </c>
      <c r="C1166" s="90" t="s">
        <v>389</v>
      </c>
      <c r="D1166" s="11" t="s">
        <v>390</v>
      </c>
      <c r="E1166" s="103">
        <v>35900831</v>
      </c>
      <c r="F1166" s="89" t="s">
        <v>2654</v>
      </c>
      <c r="G1166" s="12">
        <v>88.62</v>
      </c>
      <c r="H1166" s="12">
        <v>109</v>
      </c>
      <c r="I1166" s="10"/>
      <c r="J1166" s="11">
        <v>2802025</v>
      </c>
    </row>
    <row r="1167" spans="1:10" x14ac:dyDescent="0.25">
      <c r="A1167" s="56" t="s">
        <v>2655</v>
      </c>
      <c r="B1167" s="211">
        <v>45968</v>
      </c>
      <c r="C1167" s="90" t="s">
        <v>2656</v>
      </c>
      <c r="D1167" s="10" t="s">
        <v>2657</v>
      </c>
      <c r="E1167" s="103">
        <v>52839052</v>
      </c>
      <c r="F1167" s="10" t="s">
        <v>2658</v>
      </c>
      <c r="G1167" s="12">
        <v>690</v>
      </c>
      <c r="H1167" s="12">
        <v>690</v>
      </c>
      <c r="I1167" s="10"/>
      <c r="J1167" s="11">
        <v>2512025</v>
      </c>
    </row>
    <row r="1168" spans="1:10" x14ac:dyDescent="0.25">
      <c r="A1168" s="56" t="s">
        <v>2659</v>
      </c>
      <c r="B1168" s="211">
        <v>45968</v>
      </c>
      <c r="C1168" s="237" t="s">
        <v>241</v>
      </c>
      <c r="D1168" s="10" t="s">
        <v>242</v>
      </c>
      <c r="E1168" s="103">
        <v>36631124</v>
      </c>
      <c r="F1168" s="17" t="s">
        <v>2660</v>
      </c>
      <c r="G1168" s="45">
        <v>7.97</v>
      </c>
      <c r="H1168" s="45">
        <v>9.8000000000000007</v>
      </c>
      <c r="I1168" s="13" t="s">
        <v>611</v>
      </c>
      <c r="J1168" s="11"/>
    </row>
    <row r="1169" spans="1:10" x14ac:dyDescent="0.25">
      <c r="A1169" s="56" t="s">
        <v>2661</v>
      </c>
      <c r="B1169" s="211">
        <v>45971</v>
      </c>
      <c r="C1169" s="90" t="s">
        <v>155</v>
      </c>
      <c r="D1169" s="10" t="s">
        <v>156</v>
      </c>
      <c r="E1169" s="103">
        <v>36687936</v>
      </c>
      <c r="F1169" s="11" t="s">
        <v>2662</v>
      </c>
      <c r="G1169" s="12">
        <v>353.39</v>
      </c>
      <c r="H1169" s="12">
        <v>420.53</v>
      </c>
      <c r="I1169" s="13" t="s">
        <v>158</v>
      </c>
      <c r="J1169" s="152"/>
    </row>
    <row r="1170" spans="1:10" x14ac:dyDescent="0.25">
      <c r="A1170" s="56" t="s">
        <v>2663</v>
      </c>
      <c r="B1170" s="211">
        <v>45971</v>
      </c>
      <c r="C1170" s="90" t="s">
        <v>155</v>
      </c>
      <c r="D1170" s="10" t="s">
        <v>156</v>
      </c>
      <c r="E1170" s="103">
        <v>36687936</v>
      </c>
      <c r="F1170" s="152" t="s">
        <v>2664</v>
      </c>
      <c r="G1170" s="60">
        <v>19.77</v>
      </c>
      <c r="H1170" s="60">
        <v>23.53</v>
      </c>
      <c r="I1170" s="13" t="s">
        <v>158</v>
      </c>
      <c r="J1170" s="152"/>
    </row>
    <row r="1171" spans="1:10" x14ac:dyDescent="0.25">
      <c r="A1171" s="56" t="s">
        <v>2665</v>
      </c>
      <c r="B1171" s="211">
        <v>45971</v>
      </c>
      <c r="C1171" s="90" t="s">
        <v>2116</v>
      </c>
      <c r="D1171" s="10" t="s">
        <v>1680</v>
      </c>
      <c r="E1171" s="103">
        <v>57111499</v>
      </c>
      <c r="F1171" s="90" t="s">
        <v>2666</v>
      </c>
      <c r="G1171" s="12">
        <v>1500</v>
      </c>
      <c r="H1171" s="12">
        <v>1500</v>
      </c>
      <c r="I1171" s="10"/>
      <c r="J1171" s="11">
        <v>3242025</v>
      </c>
    </row>
    <row r="1172" spans="1:10" x14ac:dyDescent="0.25">
      <c r="A1172" s="227" t="s">
        <v>2667</v>
      </c>
      <c r="B1172" s="226">
        <v>45941</v>
      </c>
      <c r="C1172" s="187" t="s">
        <v>2668</v>
      </c>
      <c r="D1172" s="187" t="s">
        <v>2669</v>
      </c>
      <c r="E1172" s="187">
        <v>47239875</v>
      </c>
      <c r="F1172" s="187" t="s">
        <v>2670</v>
      </c>
      <c r="G1172" s="223" t="s">
        <v>2671</v>
      </c>
      <c r="H1172" s="223" t="s">
        <v>2672</v>
      </c>
      <c r="I1172" s="187" t="s">
        <v>2673</v>
      </c>
      <c r="J1172" s="187">
        <v>2782025</v>
      </c>
    </row>
    <row r="1173" spans="1:10" x14ac:dyDescent="0.25">
      <c r="A1173" s="56" t="s">
        <v>2674</v>
      </c>
      <c r="B1173" s="211">
        <v>45971</v>
      </c>
      <c r="C1173" s="90" t="s">
        <v>546</v>
      </c>
      <c r="D1173" s="10" t="s">
        <v>2345</v>
      </c>
      <c r="E1173" s="103">
        <v>31402445</v>
      </c>
      <c r="F1173" s="10" t="s">
        <v>2675</v>
      </c>
      <c r="G1173" s="12">
        <v>395</v>
      </c>
      <c r="H1173" s="12">
        <v>485.85</v>
      </c>
      <c r="I1173" s="10" t="s">
        <v>549</v>
      </c>
      <c r="J1173" s="10"/>
    </row>
    <row r="1174" spans="1:10" x14ac:dyDescent="0.25">
      <c r="A1174" s="227" t="s">
        <v>2676</v>
      </c>
      <c r="B1174" s="226">
        <v>45941</v>
      </c>
      <c r="C1174" s="187" t="s">
        <v>1161</v>
      </c>
      <c r="D1174" s="187" t="s">
        <v>1162</v>
      </c>
      <c r="E1174" s="187">
        <v>52283411</v>
      </c>
      <c r="F1174" s="187" t="s">
        <v>2677</v>
      </c>
      <c r="G1174" s="223" t="s">
        <v>2678</v>
      </c>
      <c r="H1174" s="223" t="s">
        <v>2679</v>
      </c>
      <c r="I1174" s="274" t="s">
        <v>1164</v>
      </c>
      <c r="J1174" s="187">
        <v>2252025</v>
      </c>
    </row>
    <row r="1175" spans="1:10" x14ac:dyDescent="0.25">
      <c r="A1175" s="56" t="s">
        <v>2680</v>
      </c>
      <c r="B1175" s="211">
        <v>45971</v>
      </c>
      <c r="C1175" s="90" t="s">
        <v>241</v>
      </c>
      <c r="D1175" s="10" t="s">
        <v>242</v>
      </c>
      <c r="E1175" s="103">
        <v>36631124</v>
      </c>
      <c r="F1175" s="10" t="s">
        <v>2681</v>
      </c>
      <c r="G1175" s="45">
        <v>10.57</v>
      </c>
      <c r="H1175" s="45">
        <v>13</v>
      </c>
      <c r="I1175" s="13" t="s">
        <v>611</v>
      </c>
      <c r="J1175" s="11"/>
    </row>
    <row r="1176" spans="1:10" x14ac:dyDescent="0.25">
      <c r="A1176" s="56" t="s">
        <v>2682</v>
      </c>
      <c r="B1176" s="211">
        <v>45940</v>
      </c>
      <c r="C1176" s="90" t="s">
        <v>241</v>
      </c>
      <c r="D1176" s="10" t="s">
        <v>242</v>
      </c>
      <c r="E1176" s="103">
        <v>36631124</v>
      </c>
      <c r="F1176" s="10" t="s">
        <v>2363</v>
      </c>
      <c r="G1176" s="12">
        <v>6298.85</v>
      </c>
      <c r="H1176" s="12">
        <v>6298.85</v>
      </c>
      <c r="I1176" s="10" t="s">
        <v>611</v>
      </c>
      <c r="J1176" s="10"/>
    </row>
    <row r="1177" spans="1:10" x14ac:dyDescent="0.25">
      <c r="A1177" s="56" t="s">
        <v>2683</v>
      </c>
      <c r="B1177" s="211">
        <v>45971</v>
      </c>
      <c r="C1177" s="90" t="s">
        <v>2684</v>
      </c>
      <c r="D1177" s="10" t="s">
        <v>2685</v>
      </c>
      <c r="E1177" s="103">
        <v>46732896</v>
      </c>
      <c r="F1177" s="10" t="s">
        <v>2686</v>
      </c>
      <c r="G1177" s="12">
        <v>2855.62</v>
      </c>
      <c r="H1177" s="12">
        <v>2995</v>
      </c>
      <c r="I1177" s="10"/>
      <c r="J1177" s="11">
        <v>3352025</v>
      </c>
    </row>
    <row r="1178" spans="1:10" x14ac:dyDescent="0.25">
      <c r="A1178" s="56" t="s">
        <v>2687</v>
      </c>
      <c r="B1178" s="211">
        <v>45971</v>
      </c>
      <c r="C1178" s="90" t="s">
        <v>68</v>
      </c>
      <c r="D1178" s="17" t="s">
        <v>771</v>
      </c>
      <c r="E1178" s="107">
        <v>51906988</v>
      </c>
      <c r="F1178" s="17" t="s">
        <v>2688</v>
      </c>
      <c r="G1178" s="12">
        <v>1690</v>
      </c>
      <c r="H1178" s="12">
        <v>2078.6999999999998</v>
      </c>
      <c r="I1178" s="10" t="s">
        <v>71</v>
      </c>
      <c r="J1178" s="11">
        <v>3052025</v>
      </c>
    </row>
    <row r="1179" spans="1:10" x14ac:dyDescent="0.25">
      <c r="A1179" s="56" t="s">
        <v>2689</v>
      </c>
      <c r="B1179" s="211">
        <v>45968</v>
      </c>
      <c r="C1179" s="90" t="s">
        <v>241</v>
      </c>
      <c r="D1179" s="10" t="s">
        <v>242</v>
      </c>
      <c r="E1179" s="103">
        <v>36631124</v>
      </c>
      <c r="F1179" s="17" t="s">
        <v>2660</v>
      </c>
      <c r="G1179" s="45">
        <v>12.93</v>
      </c>
      <c r="H1179" s="45">
        <v>15.9</v>
      </c>
      <c r="I1179" s="13" t="s">
        <v>611</v>
      </c>
      <c r="J1179" s="11"/>
    </row>
    <row r="1180" spans="1:10" x14ac:dyDescent="0.25">
      <c r="A1180" s="56" t="s">
        <v>2690</v>
      </c>
      <c r="B1180" s="211">
        <v>45972</v>
      </c>
      <c r="C1180" s="90" t="s">
        <v>2049</v>
      </c>
      <c r="D1180" s="10" t="s">
        <v>2050</v>
      </c>
      <c r="E1180" s="103">
        <v>31365078</v>
      </c>
      <c r="F1180" s="10" t="s">
        <v>2691</v>
      </c>
      <c r="G1180" s="12">
        <v>328</v>
      </c>
      <c r="H1180" s="12">
        <v>403.44</v>
      </c>
      <c r="I1180" s="10"/>
      <c r="J1180" s="11">
        <v>2952025</v>
      </c>
    </row>
    <row r="1181" spans="1:10" x14ac:dyDescent="0.25">
      <c r="A1181" s="56" t="s">
        <v>2692</v>
      </c>
      <c r="B1181" s="211">
        <v>45974</v>
      </c>
      <c r="C1181" s="90" t="s">
        <v>187</v>
      </c>
      <c r="D1181" s="10" t="s">
        <v>188</v>
      </c>
      <c r="E1181" s="103">
        <v>35954612</v>
      </c>
      <c r="F1181" s="11" t="s">
        <v>2693</v>
      </c>
      <c r="G1181" s="45">
        <v>1237.49</v>
      </c>
      <c r="H1181" s="45">
        <v>1522.11</v>
      </c>
      <c r="I1181" s="13" t="s">
        <v>190</v>
      </c>
      <c r="J1181" s="11">
        <v>2762025</v>
      </c>
    </row>
    <row r="1182" spans="1:10" x14ac:dyDescent="0.25">
      <c r="A1182" s="56" t="s">
        <v>2694</v>
      </c>
      <c r="B1182" s="211">
        <v>45974</v>
      </c>
      <c r="C1182" s="90" t="s">
        <v>187</v>
      </c>
      <c r="D1182" s="17" t="s">
        <v>188</v>
      </c>
      <c r="E1182" s="107">
        <v>35954612</v>
      </c>
      <c r="F1182" s="11" t="s">
        <v>2695</v>
      </c>
      <c r="G1182" s="45">
        <v>6562.15</v>
      </c>
      <c r="H1182" s="45">
        <v>8071.44</v>
      </c>
      <c r="I1182" s="13" t="s">
        <v>190</v>
      </c>
      <c r="J1182" s="11">
        <v>2762025</v>
      </c>
    </row>
    <row r="1183" spans="1:10" x14ac:dyDescent="0.25">
      <c r="A1183" s="56" t="s">
        <v>2696</v>
      </c>
      <c r="B1183" s="211">
        <v>45974</v>
      </c>
      <c r="C1183" s="90" t="s">
        <v>187</v>
      </c>
      <c r="D1183" s="17" t="s">
        <v>188</v>
      </c>
      <c r="E1183" s="107">
        <v>35954612</v>
      </c>
      <c r="F1183" s="11" t="s">
        <v>2697</v>
      </c>
      <c r="G1183" s="45">
        <v>1265.3499999999999</v>
      </c>
      <c r="H1183" s="45">
        <v>1556.38</v>
      </c>
      <c r="I1183" s="13" t="s">
        <v>190</v>
      </c>
      <c r="J1183" s="11">
        <v>2762025</v>
      </c>
    </row>
    <row r="1184" spans="1:10" x14ac:dyDescent="0.25">
      <c r="A1184" s="56" t="s">
        <v>2698</v>
      </c>
      <c r="B1184" s="211">
        <v>45974</v>
      </c>
      <c r="C1184" s="98" t="s">
        <v>187</v>
      </c>
      <c r="D1184" s="159" t="s">
        <v>188</v>
      </c>
      <c r="E1184" s="255">
        <v>35954612</v>
      </c>
      <c r="F1184" s="17" t="s">
        <v>2699</v>
      </c>
      <c r="G1184" s="160">
        <v>1304.54</v>
      </c>
      <c r="H1184" s="269">
        <v>1604.58</v>
      </c>
      <c r="I1184" s="62" t="s">
        <v>190</v>
      </c>
      <c r="J1184" s="21">
        <v>2762025</v>
      </c>
    </row>
    <row r="1185" spans="1:10" x14ac:dyDescent="0.25">
      <c r="A1185" s="56" t="s">
        <v>2700</v>
      </c>
      <c r="B1185" s="211">
        <v>45974</v>
      </c>
      <c r="C1185" s="98" t="s">
        <v>187</v>
      </c>
      <c r="D1185" s="159" t="s">
        <v>188</v>
      </c>
      <c r="E1185" s="255">
        <v>35954612</v>
      </c>
      <c r="F1185" s="11" t="s">
        <v>2701</v>
      </c>
      <c r="G1185" s="160">
        <v>1262.78</v>
      </c>
      <c r="H1185" s="269">
        <v>1553.22</v>
      </c>
      <c r="I1185" s="13" t="s">
        <v>190</v>
      </c>
      <c r="J1185" s="21">
        <v>2762025</v>
      </c>
    </row>
    <row r="1186" spans="1:10" x14ac:dyDescent="0.25">
      <c r="A1186" s="56" t="s">
        <v>2702</v>
      </c>
      <c r="B1186" s="211">
        <v>45974</v>
      </c>
      <c r="C1186" s="90" t="s">
        <v>187</v>
      </c>
      <c r="D1186" s="17" t="s">
        <v>188</v>
      </c>
      <c r="E1186" s="107">
        <v>35954612</v>
      </c>
      <c r="F1186" s="11" t="s">
        <v>2703</v>
      </c>
      <c r="G1186" s="45">
        <v>1285.97</v>
      </c>
      <c r="H1186" s="45">
        <v>1581.74</v>
      </c>
      <c r="I1186" s="13" t="s">
        <v>190</v>
      </c>
      <c r="J1186" s="11">
        <v>2762025</v>
      </c>
    </row>
    <row r="1187" spans="1:10" x14ac:dyDescent="0.25">
      <c r="A1187" s="56" t="s">
        <v>2704</v>
      </c>
      <c r="B1187" s="211">
        <v>45974</v>
      </c>
      <c r="C1187" s="90" t="s">
        <v>187</v>
      </c>
      <c r="D1187" s="17" t="s">
        <v>188</v>
      </c>
      <c r="E1187" s="107">
        <v>35954612</v>
      </c>
      <c r="F1187" s="11" t="s">
        <v>2705</v>
      </c>
      <c r="G1187" s="12">
        <v>1280.0999999999999</v>
      </c>
      <c r="H1187" s="12">
        <v>1574.52</v>
      </c>
      <c r="I1187" s="13" t="s">
        <v>190</v>
      </c>
      <c r="J1187" s="11">
        <v>2762025</v>
      </c>
    </row>
    <row r="1188" spans="1:10" x14ac:dyDescent="0.25">
      <c r="A1188" s="56" t="s">
        <v>2706</v>
      </c>
      <c r="B1188" s="211">
        <v>45974</v>
      </c>
      <c r="C1188" s="90" t="s">
        <v>187</v>
      </c>
      <c r="D1188" s="17" t="s">
        <v>188</v>
      </c>
      <c r="E1188" s="107">
        <v>35954612</v>
      </c>
      <c r="F1188" s="11" t="s">
        <v>2707</v>
      </c>
      <c r="G1188" s="45">
        <v>1329.21</v>
      </c>
      <c r="H1188" s="45">
        <v>1634.93</v>
      </c>
      <c r="I1188" s="13" t="s">
        <v>190</v>
      </c>
      <c r="J1188" s="11">
        <v>2762025</v>
      </c>
    </row>
    <row r="1189" spans="1:10" x14ac:dyDescent="0.25">
      <c r="A1189" s="43" t="s">
        <v>2708</v>
      </c>
      <c r="B1189" s="230">
        <v>45974</v>
      </c>
      <c r="C1189" s="234" t="s">
        <v>187</v>
      </c>
      <c r="D1189" s="243" t="s">
        <v>188</v>
      </c>
      <c r="E1189" s="252">
        <v>35954612</v>
      </c>
      <c r="F1189" s="244" t="s">
        <v>2709</v>
      </c>
      <c r="G1189" s="267">
        <v>1316.36</v>
      </c>
      <c r="H1189" s="267">
        <v>1619.12</v>
      </c>
      <c r="I1189" s="271" t="s">
        <v>190</v>
      </c>
      <c r="J1189" s="244">
        <v>2762025</v>
      </c>
    </row>
    <row r="1190" spans="1:10" x14ac:dyDescent="0.25">
      <c r="A1190" s="43" t="s">
        <v>2710</v>
      </c>
      <c r="B1190" s="230">
        <v>45974</v>
      </c>
      <c r="C1190" s="234" t="s">
        <v>187</v>
      </c>
      <c r="D1190" s="243" t="s">
        <v>188</v>
      </c>
      <c r="E1190" s="252">
        <v>35954612</v>
      </c>
      <c r="F1190" s="243" t="s">
        <v>2711</v>
      </c>
      <c r="G1190" s="267">
        <v>4000</v>
      </c>
      <c r="H1190" s="267">
        <v>4920</v>
      </c>
      <c r="I1190" s="271" t="s">
        <v>223</v>
      </c>
      <c r="J1190" s="244">
        <v>2752025</v>
      </c>
    </row>
    <row r="1191" spans="1:10" x14ac:dyDescent="0.25">
      <c r="A1191" s="43" t="s">
        <v>2712</v>
      </c>
      <c r="B1191" s="230">
        <v>45974</v>
      </c>
      <c r="C1191" s="234" t="s">
        <v>187</v>
      </c>
      <c r="D1191" s="243" t="s">
        <v>188</v>
      </c>
      <c r="E1191" s="252">
        <v>35954612</v>
      </c>
      <c r="F1191" s="243" t="s">
        <v>2713</v>
      </c>
      <c r="G1191" s="267">
        <v>28110</v>
      </c>
      <c r="H1191" s="267">
        <v>34575.300000000003</v>
      </c>
      <c r="I1191" s="271" t="s">
        <v>223</v>
      </c>
      <c r="J1191" s="244">
        <v>2752025</v>
      </c>
    </row>
    <row r="1192" spans="1:10" x14ac:dyDescent="0.25">
      <c r="A1192" s="163" t="s">
        <v>2714</v>
      </c>
      <c r="B1192" s="216">
        <v>45974</v>
      </c>
      <c r="C1192" s="234" t="s">
        <v>187</v>
      </c>
      <c r="D1192" s="243" t="s">
        <v>188</v>
      </c>
      <c r="E1192" s="252">
        <v>35954612</v>
      </c>
      <c r="F1192" s="44" t="s">
        <v>2715</v>
      </c>
      <c r="G1192" s="267">
        <v>13720</v>
      </c>
      <c r="H1192" s="267">
        <v>16875.599999999999</v>
      </c>
      <c r="I1192" s="271" t="s">
        <v>223</v>
      </c>
      <c r="J1192" s="244">
        <v>2752025</v>
      </c>
    </row>
    <row r="1193" spans="1:10" x14ac:dyDescent="0.25">
      <c r="A1193" s="163" t="s">
        <v>2716</v>
      </c>
      <c r="B1193" s="216">
        <v>45974</v>
      </c>
      <c r="C1193" s="234" t="s">
        <v>187</v>
      </c>
      <c r="D1193" s="247" t="s">
        <v>188</v>
      </c>
      <c r="E1193" s="257">
        <v>35954612</v>
      </c>
      <c r="F1193" s="243" t="s">
        <v>2717</v>
      </c>
      <c r="G1193" s="267">
        <v>6160</v>
      </c>
      <c r="H1193" s="267">
        <v>7576.8</v>
      </c>
      <c r="I1193" s="271" t="s">
        <v>223</v>
      </c>
      <c r="J1193" s="244">
        <v>2752025</v>
      </c>
    </row>
    <row r="1194" spans="1:10" x14ac:dyDescent="0.25">
      <c r="A1194" s="163" t="s">
        <v>2718</v>
      </c>
      <c r="B1194" s="216">
        <v>45974</v>
      </c>
      <c r="C1194" s="234" t="s">
        <v>187</v>
      </c>
      <c r="D1194" s="245" t="s">
        <v>188</v>
      </c>
      <c r="E1194" s="254">
        <v>35954612</v>
      </c>
      <c r="F1194" s="44" t="s">
        <v>2719</v>
      </c>
      <c r="G1194" s="268">
        <v>6970</v>
      </c>
      <c r="H1194" s="268">
        <v>8573.1</v>
      </c>
      <c r="I1194" s="273" t="s">
        <v>223</v>
      </c>
      <c r="J1194" s="21">
        <v>2752025</v>
      </c>
    </row>
    <row r="1195" spans="1:10" x14ac:dyDescent="0.25">
      <c r="A1195" s="163" t="s">
        <v>2720</v>
      </c>
      <c r="B1195" s="216">
        <v>45974</v>
      </c>
      <c r="C1195" s="234" t="s">
        <v>187</v>
      </c>
      <c r="D1195" s="243" t="s">
        <v>188</v>
      </c>
      <c r="E1195" s="252">
        <v>35954612</v>
      </c>
      <c r="F1195" s="243" t="s">
        <v>2721</v>
      </c>
      <c r="G1195" s="267">
        <v>6510</v>
      </c>
      <c r="H1195" s="267">
        <v>8007.3</v>
      </c>
      <c r="I1195" s="271" t="s">
        <v>223</v>
      </c>
      <c r="J1195" s="244">
        <v>2752025</v>
      </c>
    </row>
    <row r="1196" spans="1:10" x14ac:dyDescent="0.25">
      <c r="A1196" s="228" t="s">
        <v>2722</v>
      </c>
      <c r="B1196" s="216">
        <v>45974</v>
      </c>
      <c r="C1196" s="234" t="s">
        <v>187</v>
      </c>
      <c r="D1196" s="243" t="s">
        <v>188</v>
      </c>
      <c r="E1196" s="252">
        <v>35954612</v>
      </c>
      <c r="F1196" s="243" t="s">
        <v>2723</v>
      </c>
      <c r="G1196" s="267">
        <v>6750</v>
      </c>
      <c r="H1196" s="267">
        <v>8302.5</v>
      </c>
      <c r="I1196" s="271" t="s">
        <v>223</v>
      </c>
      <c r="J1196" s="244">
        <v>2752025</v>
      </c>
    </row>
    <row r="1197" spans="1:10" x14ac:dyDescent="0.25">
      <c r="A1197" s="10" t="s">
        <v>2724</v>
      </c>
      <c r="B1197" s="230">
        <v>45974</v>
      </c>
      <c r="C1197" s="234" t="s">
        <v>187</v>
      </c>
      <c r="D1197" s="243" t="s">
        <v>188</v>
      </c>
      <c r="E1197" s="252">
        <v>35954612</v>
      </c>
      <c r="F1197" s="243" t="s">
        <v>2725</v>
      </c>
      <c r="G1197" s="267">
        <v>5170</v>
      </c>
      <c r="H1197" s="267">
        <v>6359.1</v>
      </c>
      <c r="I1197" s="271" t="s">
        <v>223</v>
      </c>
      <c r="J1197" s="244">
        <v>2752025</v>
      </c>
    </row>
    <row r="1198" spans="1:10" x14ac:dyDescent="0.25">
      <c r="A1198" s="43" t="s">
        <v>2726</v>
      </c>
      <c r="B1198" s="230">
        <v>45974</v>
      </c>
      <c r="C1198" s="234" t="s">
        <v>187</v>
      </c>
      <c r="D1198" s="246" t="s">
        <v>188</v>
      </c>
      <c r="E1198" s="252">
        <v>35954612</v>
      </c>
      <c r="F1198" s="243" t="s">
        <v>2727</v>
      </c>
      <c r="G1198" s="267">
        <v>6560</v>
      </c>
      <c r="H1198" s="267">
        <v>8068.8</v>
      </c>
      <c r="I1198" s="271" t="s">
        <v>223</v>
      </c>
      <c r="J1198" s="244">
        <v>2752025</v>
      </c>
    </row>
    <row r="1199" spans="1:10" x14ac:dyDescent="0.25">
      <c r="A1199" s="43" t="s">
        <v>2728</v>
      </c>
      <c r="B1199" s="230">
        <v>45974</v>
      </c>
      <c r="C1199" s="234" t="s">
        <v>187</v>
      </c>
      <c r="D1199" s="246" t="s">
        <v>188</v>
      </c>
      <c r="E1199" s="252">
        <v>35954612</v>
      </c>
      <c r="F1199" s="243" t="s">
        <v>2729</v>
      </c>
      <c r="G1199" s="267">
        <v>7520</v>
      </c>
      <c r="H1199" s="267">
        <v>9249.6</v>
      </c>
      <c r="I1199" s="271" t="s">
        <v>223</v>
      </c>
      <c r="J1199" s="244">
        <v>2752025</v>
      </c>
    </row>
    <row r="1200" spans="1:10" x14ac:dyDescent="0.25">
      <c r="A1200" s="43" t="s">
        <v>2730</v>
      </c>
      <c r="B1200" s="230">
        <v>45972</v>
      </c>
      <c r="C1200" s="234" t="s">
        <v>177</v>
      </c>
      <c r="D1200" s="244" t="s">
        <v>178</v>
      </c>
      <c r="E1200" s="253">
        <v>53528654</v>
      </c>
      <c r="F1200" s="246" t="s">
        <v>2731</v>
      </c>
      <c r="G1200" s="331">
        <v>4896.21</v>
      </c>
      <c r="H1200" s="331">
        <v>4896.21</v>
      </c>
      <c r="I1200" s="246" t="s">
        <v>1902</v>
      </c>
      <c r="J1200" s="244">
        <v>3542025</v>
      </c>
    </row>
    <row r="1201" spans="1:10" x14ac:dyDescent="0.25">
      <c r="A1201" s="43" t="s">
        <v>2732</v>
      </c>
      <c r="B1201" s="230">
        <v>45973</v>
      </c>
      <c r="C1201" s="234" t="s">
        <v>668</v>
      </c>
      <c r="D1201" s="243" t="s">
        <v>669</v>
      </c>
      <c r="E1201" s="252">
        <v>42137004</v>
      </c>
      <c r="F1201" s="234" t="s">
        <v>2733</v>
      </c>
      <c r="G1201" s="331">
        <v>1091.43</v>
      </c>
      <c r="H1201" s="331">
        <v>1144.5999999999999</v>
      </c>
      <c r="I1201" s="246"/>
      <c r="J1201" s="244">
        <v>2422025</v>
      </c>
    </row>
    <row r="1202" spans="1:10" x14ac:dyDescent="0.25">
      <c r="A1202" s="43" t="s">
        <v>2734</v>
      </c>
      <c r="B1202" s="230">
        <v>45974</v>
      </c>
      <c r="C1202" s="234" t="s">
        <v>668</v>
      </c>
      <c r="D1202" s="243" t="s">
        <v>669</v>
      </c>
      <c r="E1202" s="252">
        <v>42137004</v>
      </c>
      <c r="F1202" s="234" t="s">
        <v>2735</v>
      </c>
      <c r="G1202" s="331">
        <v>1091.43</v>
      </c>
      <c r="H1202" s="331">
        <v>1144.5999999999999</v>
      </c>
      <c r="I1202" s="246"/>
      <c r="J1202" s="244">
        <v>2422025</v>
      </c>
    </row>
    <row r="1203" spans="1:10" x14ac:dyDescent="0.25">
      <c r="A1203" s="43" t="s">
        <v>2736</v>
      </c>
      <c r="B1203" s="230">
        <v>45975</v>
      </c>
      <c r="C1203" s="235" t="s">
        <v>302</v>
      </c>
      <c r="D1203" s="246" t="s">
        <v>1691</v>
      </c>
      <c r="E1203" s="253">
        <v>42156424</v>
      </c>
      <c r="F1203" s="244" t="s">
        <v>2737</v>
      </c>
      <c r="G1203" s="331">
        <v>8892.4500000000007</v>
      </c>
      <c r="H1203" s="331">
        <v>10937.71</v>
      </c>
      <c r="I1203" s="246" t="s">
        <v>1792</v>
      </c>
      <c r="J1203" s="246"/>
    </row>
    <row r="1204" spans="1:10" x14ac:dyDescent="0.25">
      <c r="A1204" s="182" t="s">
        <v>2738</v>
      </c>
      <c r="B1204" s="230">
        <v>45975</v>
      </c>
      <c r="C1204" s="180" t="s">
        <v>1482</v>
      </c>
      <c r="D1204" s="180" t="s">
        <v>1483</v>
      </c>
      <c r="E1204" s="192">
        <v>31348653</v>
      </c>
      <c r="F1204" s="261" t="s">
        <v>2739</v>
      </c>
      <c r="G1204" s="332" t="s">
        <v>2740</v>
      </c>
      <c r="H1204" s="332" t="s">
        <v>2741</v>
      </c>
      <c r="I1204" s="180" t="s">
        <v>1485</v>
      </c>
      <c r="J1204" s="180">
        <v>3362025</v>
      </c>
    </row>
    <row r="1205" spans="1:10" x14ac:dyDescent="0.25">
      <c r="A1205" s="43" t="s">
        <v>2742</v>
      </c>
      <c r="B1205" s="230">
        <v>45978</v>
      </c>
      <c r="C1205" s="234" t="s">
        <v>2116</v>
      </c>
      <c r="D1205" s="246" t="s">
        <v>1680</v>
      </c>
      <c r="E1205" s="253">
        <v>57111499</v>
      </c>
      <c r="F1205" s="234" t="s">
        <v>2743</v>
      </c>
      <c r="G1205" s="331">
        <v>800</v>
      </c>
      <c r="H1205" s="331">
        <v>800</v>
      </c>
      <c r="I1205" s="246"/>
      <c r="J1205" s="244">
        <v>3072025</v>
      </c>
    </row>
    <row r="1206" spans="1:10" x14ac:dyDescent="0.25">
      <c r="A1206" s="43" t="s">
        <v>2744</v>
      </c>
      <c r="B1206" s="230">
        <v>45978</v>
      </c>
      <c r="C1206" s="234" t="s">
        <v>2116</v>
      </c>
      <c r="D1206" s="246" t="s">
        <v>1680</v>
      </c>
      <c r="E1206" s="253">
        <v>57111499</v>
      </c>
      <c r="F1206" s="234" t="s">
        <v>2745</v>
      </c>
      <c r="G1206" s="331">
        <v>1500</v>
      </c>
      <c r="H1206" s="331">
        <v>1500</v>
      </c>
      <c r="I1206" s="246"/>
      <c r="J1206" s="244">
        <v>2892025</v>
      </c>
    </row>
    <row r="1207" spans="1:10" x14ac:dyDescent="0.25">
      <c r="A1207" s="163" t="s">
        <v>2746</v>
      </c>
      <c r="B1207" s="211">
        <v>45978</v>
      </c>
      <c r="C1207" s="236" t="s">
        <v>139</v>
      </c>
      <c r="D1207" s="157" t="s">
        <v>140</v>
      </c>
      <c r="E1207" s="150">
        <v>47235713</v>
      </c>
      <c r="F1207" s="244" t="s">
        <v>2273</v>
      </c>
      <c r="G1207" s="333">
        <v>262.14</v>
      </c>
      <c r="H1207" s="333">
        <v>322.43</v>
      </c>
      <c r="I1207" s="246" t="s">
        <v>2559</v>
      </c>
      <c r="J1207" s="246"/>
    </row>
    <row r="1208" spans="1:10" x14ac:dyDescent="0.25">
      <c r="A1208" s="163" t="s">
        <v>2747</v>
      </c>
      <c r="B1208" s="216">
        <v>45978</v>
      </c>
      <c r="C1208" s="234" t="s">
        <v>139</v>
      </c>
      <c r="D1208" s="246" t="s">
        <v>140</v>
      </c>
      <c r="E1208" s="253">
        <v>47235713</v>
      </c>
      <c r="F1208" s="244" t="s">
        <v>2565</v>
      </c>
      <c r="G1208" s="331">
        <v>262.14</v>
      </c>
      <c r="H1208" s="331">
        <v>322.43</v>
      </c>
      <c r="I1208" s="246" t="s">
        <v>2559</v>
      </c>
      <c r="J1208" s="246"/>
    </row>
    <row r="1209" spans="1:10" x14ac:dyDescent="0.25">
      <c r="A1209" s="181" t="s">
        <v>2748</v>
      </c>
      <c r="B1209" s="211">
        <v>45975</v>
      </c>
      <c r="C1209" s="183" t="s">
        <v>2341</v>
      </c>
      <c r="D1209" s="183" t="s">
        <v>12</v>
      </c>
      <c r="E1209" s="183">
        <v>36302716</v>
      </c>
      <c r="F1209" s="183" t="s">
        <v>813</v>
      </c>
      <c r="G1209" s="201" t="s">
        <v>2749</v>
      </c>
      <c r="H1209" s="201" t="s">
        <v>2750</v>
      </c>
      <c r="I1209" s="183" t="s">
        <v>1695</v>
      </c>
      <c r="J1209" s="183">
        <v>1742025</v>
      </c>
    </row>
    <row r="1210" spans="1:10" x14ac:dyDescent="0.25">
      <c r="A1210" s="181" t="s">
        <v>2751</v>
      </c>
      <c r="B1210" s="216">
        <v>45978</v>
      </c>
      <c r="C1210" s="183" t="s">
        <v>171</v>
      </c>
      <c r="D1210" s="180" t="s">
        <v>266</v>
      </c>
      <c r="E1210" s="180">
        <v>52599515</v>
      </c>
      <c r="F1210" s="180" t="s">
        <v>2752</v>
      </c>
      <c r="G1210" s="332" t="s">
        <v>2753</v>
      </c>
      <c r="H1210" s="332" t="s">
        <v>2754</v>
      </c>
      <c r="I1210" s="189" t="s">
        <v>173</v>
      </c>
      <c r="J1210" s="180" t="s">
        <v>1695</v>
      </c>
    </row>
    <row r="1211" spans="1:10" x14ac:dyDescent="0.25">
      <c r="A1211" s="181" t="s">
        <v>2755</v>
      </c>
      <c r="B1211" s="216">
        <v>45978</v>
      </c>
      <c r="C1211" s="183" t="s">
        <v>134</v>
      </c>
      <c r="D1211" s="180" t="s">
        <v>135</v>
      </c>
      <c r="E1211" s="180">
        <v>35889063</v>
      </c>
      <c r="F1211" s="180" t="s">
        <v>2756</v>
      </c>
      <c r="G1211" s="332" t="s">
        <v>2757</v>
      </c>
      <c r="H1211" s="332" t="s">
        <v>2758</v>
      </c>
      <c r="I1211" s="183" t="s">
        <v>1341</v>
      </c>
      <c r="J1211" s="180" t="s">
        <v>1695</v>
      </c>
    </row>
    <row r="1212" spans="1:10" x14ac:dyDescent="0.25">
      <c r="A1212" s="181" t="s">
        <v>2759</v>
      </c>
      <c r="B1212" s="216">
        <v>45978</v>
      </c>
      <c r="C1212" s="183" t="s">
        <v>2760</v>
      </c>
      <c r="D1212" s="183" t="s">
        <v>2761</v>
      </c>
      <c r="E1212" s="183">
        <v>51471655</v>
      </c>
      <c r="F1212" s="183" t="s">
        <v>2762</v>
      </c>
      <c r="G1212" s="201" t="s">
        <v>2763</v>
      </c>
      <c r="H1212" s="201" t="s">
        <v>2764</v>
      </c>
      <c r="I1212" s="183" t="s">
        <v>2765</v>
      </c>
      <c r="J1212" s="183">
        <v>3152025</v>
      </c>
    </row>
    <row r="1213" spans="1:10" x14ac:dyDescent="0.25">
      <c r="A1213" s="181" t="s">
        <v>2766</v>
      </c>
      <c r="B1213" s="225">
        <v>45979</v>
      </c>
      <c r="C1213" s="183" t="s">
        <v>1727</v>
      </c>
      <c r="D1213" s="183" t="s">
        <v>473</v>
      </c>
      <c r="E1213" s="183">
        <v>31567282</v>
      </c>
      <c r="F1213" s="183" t="s">
        <v>2767</v>
      </c>
      <c r="G1213" s="201" t="s">
        <v>2768</v>
      </c>
      <c r="H1213" s="201" t="s">
        <v>2769</v>
      </c>
      <c r="I1213" s="183" t="s">
        <v>475</v>
      </c>
      <c r="J1213" s="209" t="s">
        <v>2770</v>
      </c>
    </row>
    <row r="1214" spans="1:10" x14ac:dyDescent="0.25">
      <c r="A1214" s="181" t="s">
        <v>2771</v>
      </c>
      <c r="B1214" s="225">
        <v>45981</v>
      </c>
      <c r="C1214" s="183" t="s">
        <v>2116</v>
      </c>
      <c r="D1214" s="191" t="s">
        <v>1680</v>
      </c>
      <c r="E1214" s="191">
        <v>57111499</v>
      </c>
      <c r="F1214" s="180" t="s">
        <v>2772</v>
      </c>
      <c r="G1214" s="201" t="s">
        <v>2629</v>
      </c>
      <c r="H1214" s="201" t="s">
        <v>2629</v>
      </c>
      <c r="I1214" s="183" t="s">
        <v>1695</v>
      </c>
      <c r="J1214" s="183">
        <v>3632025</v>
      </c>
    </row>
    <row r="1215" spans="1:10" x14ac:dyDescent="0.25">
      <c r="A1215" s="181" t="s">
        <v>2773</v>
      </c>
      <c r="B1215" s="225">
        <v>45981</v>
      </c>
      <c r="C1215" s="183" t="s">
        <v>171</v>
      </c>
      <c r="D1215" s="184" t="s">
        <v>266</v>
      </c>
      <c r="E1215" s="184">
        <v>52599515</v>
      </c>
      <c r="F1215" s="183" t="s">
        <v>2774</v>
      </c>
      <c r="G1215" s="201" t="s">
        <v>2775</v>
      </c>
      <c r="H1215" s="201" t="s">
        <v>2776</v>
      </c>
      <c r="I1215" s="203" t="s">
        <v>699</v>
      </c>
      <c r="J1215" s="183" t="s">
        <v>1695</v>
      </c>
    </row>
    <row r="1216" spans="1:10" x14ac:dyDescent="0.25">
      <c r="A1216" s="181" t="s">
        <v>2777</v>
      </c>
      <c r="B1216" s="225">
        <v>45981</v>
      </c>
      <c r="C1216" s="183" t="s">
        <v>171</v>
      </c>
      <c r="D1216" s="183" t="s">
        <v>266</v>
      </c>
      <c r="E1216" s="183">
        <v>52599515</v>
      </c>
      <c r="F1216" s="183" t="s">
        <v>2778</v>
      </c>
      <c r="G1216" s="201" t="s">
        <v>2779</v>
      </c>
      <c r="H1216" s="201" t="s">
        <v>2780</v>
      </c>
      <c r="I1216" s="204" t="s">
        <v>699</v>
      </c>
      <c r="J1216" s="183" t="s">
        <v>1695</v>
      </c>
    </row>
    <row r="1217" spans="1:10" x14ac:dyDescent="0.25">
      <c r="A1217" s="181" t="s">
        <v>2781</v>
      </c>
      <c r="B1217" s="225">
        <v>45981</v>
      </c>
      <c r="C1217" s="183" t="s">
        <v>171</v>
      </c>
      <c r="D1217" s="183" t="s">
        <v>266</v>
      </c>
      <c r="E1217" s="183">
        <v>52599515</v>
      </c>
      <c r="F1217" s="183" t="s">
        <v>2782</v>
      </c>
      <c r="G1217" s="201" t="s">
        <v>2783</v>
      </c>
      <c r="H1217" s="201" t="s">
        <v>2784</v>
      </c>
      <c r="I1217" s="204" t="s">
        <v>699</v>
      </c>
      <c r="J1217" s="183" t="s">
        <v>1695</v>
      </c>
    </row>
    <row r="1218" spans="1:10" x14ac:dyDescent="0.25">
      <c r="A1218" s="181" t="s">
        <v>2785</v>
      </c>
      <c r="B1218" s="225">
        <v>45981</v>
      </c>
      <c r="C1218" s="183" t="s">
        <v>171</v>
      </c>
      <c r="D1218" s="183" t="s">
        <v>266</v>
      </c>
      <c r="E1218" s="183">
        <v>52599515</v>
      </c>
      <c r="F1218" s="183" t="s">
        <v>2786</v>
      </c>
      <c r="G1218" s="201" t="s">
        <v>2787</v>
      </c>
      <c r="H1218" s="201" t="s">
        <v>2788</v>
      </c>
      <c r="I1218" s="204" t="s">
        <v>699</v>
      </c>
      <c r="J1218" s="183" t="s">
        <v>1695</v>
      </c>
    </row>
    <row r="1219" spans="1:10" x14ac:dyDescent="0.25">
      <c r="A1219" s="181" t="s">
        <v>2789</v>
      </c>
      <c r="B1219" s="225">
        <v>45981</v>
      </c>
      <c r="C1219" s="183" t="s">
        <v>171</v>
      </c>
      <c r="D1219" s="183" t="s">
        <v>266</v>
      </c>
      <c r="E1219" s="183">
        <v>52599515</v>
      </c>
      <c r="F1219" s="183" t="s">
        <v>2790</v>
      </c>
      <c r="G1219" s="201" t="s">
        <v>2791</v>
      </c>
      <c r="H1219" s="201" t="s">
        <v>2792</v>
      </c>
      <c r="I1219" s="204" t="s">
        <v>699</v>
      </c>
      <c r="J1219" s="183" t="s">
        <v>1695</v>
      </c>
    </row>
    <row r="1220" spans="1:10" x14ac:dyDescent="0.25">
      <c r="A1220" s="181" t="s">
        <v>2793</v>
      </c>
      <c r="B1220" s="225">
        <v>45981</v>
      </c>
      <c r="C1220" s="183" t="s">
        <v>171</v>
      </c>
      <c r="D1220" s="180" t="s">
        <v>266</v>
      </c>
      <c r="E1220" s="180">
        <v>52599515</v>
      </c>
      <c r="F1220" s="183" t="s">
        <v>2794</v>
      </c>
      <c r="G1220" s="201" t="s">
        <v>2795</v>
      </c>
      <c r="H1220" s="201" t="s">
        <v>2796</v>
      </c>
      <c r="I1220" s="203" t="s">
        <v>699</v>
      </c>
      <c r="J1220" s="183" t="s">
        <v>1695</v>
      </c>
    </row>
    <row r="1221" spans="1:10" x14ac:dyDescent="0.25">
      <c r="A1221" s="181" t="s">
        <v>2797</v>
      </c>
      <c r="B1221" s="225">
        <v>45981</v>
      </c>
      <c r="C1221" s="183" t="s">
        <v>2656</v>
      </c>
      <c r="D1221" s="183" t="s">
        <v>2657</v>
      </c>
      <c r="E1221" s="183">
        <v>52839052</v>
      </c>
      <c r="F1221" s="183" t="s">
        <v>2798</v>
      </c>
      <c r="G1221" s="201" t="s">
        <v>2799</v>
      </c>
      <c r="H1221" s="201" t="s">
        <v>2799</v>
      </c>
      <c r="I1221" s="203" t="s">
        <v>1695</v>
      </c>
      <c r="J1221" s="183">
        <v>3562025</v>
      </c>
    </row>
    <row r="1222" spans="1:10" x14ac:dyDescent="0.25">
      <c r="A1222" s="181" t="s">
        <v>2800</v>
      </c>
      <c r="B1222" s="225">
        <v>45981</v>
      </c>
      <c r="C1222" s="183" t="s">
        <v>122</v>
      </c>
      <c r="D1222" s="180" t="s">
        <v>123</v>
      </c>
      <c r="E1222" s="180">
        <v>46921931</v>
      </c>
      <c r="F1222" s="180" t="s">
        <v>2801</v>
      </c>
      <c r="G1222" s="201" t="s">
        <v>2802</v>
      </c>
      <c r="H1222" s="201" t="s">
        <v>2803</v>
      </c>
      <c r="I1222" s="192" t="s">
        <v>2804</v>
      </c>
      <c r="J1222" s="182" t="s">
        <v>1695</v>
      </c>
    </row>
    <row r="1223" spans="1:10" x14ac:dyDescent="0.25">
      <c r="A1223" s="181" t="s">
        <v>2805</v>
      </c>
      <c r="B1223" s="225">
        <v>45982</v>
      </c>
      <c r="C1223" s="183" t="s">
        <v>1482</v>
      </c>
      <c r="D1223" s="180" t="s">
        <v>1483</v>
      </c>
      <c r="E1223" s="180">
        <v>31348653</v>
      </c>
      <c r="F1223" s="183" t="s">
        <v>1496</v>
      </c>
      <c r="G1223" s="201" t="s">
        <v>2806</v>
      </c>
      <c r="H1223" s="201" t="s">
        <v>2807</v>
      </c>
      <c r="I1223" s="183" t="s">
        <v>1485</v>
      </c>
      <c r="J1223" s="183">
        <v>2962025</v>
      </c>
    </row>
    <row r="1224" spans="1:10" x14ac:dyDescent="0.25">
      <c r="A1224" s="181" t="s">
        <v>2808</v>
      </c>
      <c r="B1224" s="225">
        <v>45982</v>
      </c>
      <c r="C1224" s="183" t="s">
        <v>139</v>
      </c>
      <c r="D1224" s="180" t="s">
        <v>140</v>
      </c>
      <c r="E1224" s="180">
        <v>47235713</v>
      </c>
      <c r="F1224" s="183" t="s">
        <v>2809</v>
      </c>
      <c r="G1224" s="332" t="s">
        <v>2810</v>
      </c>
      <c r="H1224" s="332" t="s">
        <v>2811</v>
      </c>
      <c r="I1224" s="192" t="s">
        <v>2812</v>
      </c>
      <c r="J1224" s="179" t="s">
        <v>1695</v>
      </c>
    </row>
    <row r="1225" spans="1:10" x14ac:dyDescent="0.25">
      <c r="A1225" s="181" t="s">
        <v>2813</v>
      </c>
      <c r="B1225" s="225">
        <v>45981</v>
      </c>
      <c r="C1225" s="183" t="s">
        <v>2814</v>
      </c>
      <c r="D1225" s="183" t="s">
        <v>2815</v>
      </c>
      <c r="E1225" s="183">
        <v>35956526</v>
      </c>
      <c r="F1225" s="183" t="s">
        <v>2816</v>
      </c>
      <c r="G1225" s="201" t="s">
        <v>2817</v>
      </c>
      <c r="H1225" s="201" t="s">
        <v>2818</v>
      </c>
      <c r="I1225" s="183" t="s">
        <v>2819</v>
      </c>
      <c r="J1225" s="183" t="s">
        <v>1695</v>
      </c>
    </row>
    <row r="1226" spans="1:10" x14ac:dyDescent="0.25">
      <c r="A1226" s="181" t="s">
        <v>2820</v>
      </c>
      <c r="B1226" s="225">
        <v>45985</v>
      </c>
      <c r="C1226" s="183" t="s">
        <v>389</v>
      </c>
      <c r="D1226" s="183" t="s">
        <v>390</v>
      </c>
      <c r="E1226" s="183">
        <v>35900831</v>
      </c>
      <c r="F1226" s="183" t="s">
        <v>2821</v>
      </c>
      <c r="G1226" s="201" t="s">
        <v>2822</v>
      </c>
      <c r="H1226" s="201" t="s">
        <v>2823</v>
      </c>
      <c r="I1226" s="183" t="s">
        <v>1695</v>
      </c>
      <c r="J1226" s="183">
        <v>2872025</v>
      </c>
    </row>
    <row r="1227" spans="1:10" x14ac:dyDescent="0.25">
      <c r="A1227" s="181" t="s">
        <v>2824</v>
      </c>
      <c r="B1227" s="225">
        <v>45986</v>
      </c>
      <c r="C1227" s="183" t="s">
        <v>2825</v>
      </c>
      <c r="D1227" s="183" t="s">
        <v>2826</v>
      </c>
      <c r="E1227" s="183">
        <v>30856108</v>
      </c>
      <c r="F1227" s="183" t="s">
        <v>2827</v>
      </c>
      <c r="G1227" s="201" t="s">
        <v>2828</v>
      </c>
      <c r="H1227" s="201" t="s">
        <v>2829</v>
      </c>
      <c r="I1227" s="183" t="s">
        <v>2830</v>
      </c>
      <c r="J1227" s="183" t="s">
        <v>1695</v>
      </c>
    </row>
    <row r="1228" spans="1:10" x14ac:dyDescent="0.25">
      <c r="A1228" s="181" t="s">
        <v>2831</v>
      </c>
      <c r="B1228" s="225">
        <v>45982</v>
      </c>
      <c r="C1228" s="183" t="s">
        <v>171</v>
      </c>
      <c r="D1228" s="180" t="s">
        <v>266</v>
      </c>
      <c r="E1228" s="180">
        <v>52599515</v>
      </c>
      <c r="F1228" s="180" t="s">
        <v>2832</v>
      </c>
      <c r="G1228" s="201" t="s">
        <v>2833</v>
      </c>
      <c r="H1228" s="201" t="s">
        <v>2834</v>
      </c>
      <c r="I1228" s="203" t="s">
        <v>699</v>
      </c>
      <c r="J1228" s="183" t="s">
        <v>1695</v>
      </c>
    </row>
    <row r="1229" spans="1:10" x14ac:dyDescent="0.25">
      <c r="A1229" s="181" t="s">
        <v>2835</v>
      </c>
      <c r="B1229" s="225">
        <v>45982</v>
      </c>
      <c r="C1229" s="180" t="s">
        <v>1482</v>
      </c>
      <c r="D1229" s="180" t="s">
        <v>1483</v>
      </c>
      <c r="E1229" s="180">
        <v>31348653</v>
      </c>
      <c r="F1229" s="180" t="s">
        <v>2836</v>
      </c>
      <c r="G1229" s="332" t="s">
        <v>2837</v>
      </c>
      <c r="H1229" s="332" t="s">
        <v>2838</v>
      </c>
      <c r="I1229" s="180" t="s">
        <v>1485</v>
      </c>
      <c r="J1229" s="180">
        <v>2972025</v>
      </c>
    </row>
    <row r="1230" spans="1:10" x14ac:dyDescent="0.25">
      <c r="A1230" s="181" t="s">
        <v>2839</v>
      </c>
      <c r="B1230" s="225">
        <v>45965</v>
      </c>
      <c r="C1230" s="183" t="s">
        <v>1533</v>
      </c>
      <c r="D1230" s="180" t="s">
        <v>106</v>
      </c>
      <c r="E1230" s="180">
        <v>31327681</v>
      </c>
      <c r="F1230" s="193" t="s">
        <v>2840</v>
      </c>
      <c r="G1230" s="222" t="s">
        <v>2841</v>
      </c>
      <c r="H1230" s="201" t="s">
        <v>2842</v>
      </c>
      <c r="I1230" s="183" t="s">
        <v>108</v>
      </c>
      <c r="J1230" s="183">
        <v>142025</v>
      </c>
    </row>
    <row r="1231" spans="1:10" x14ac:dyDescent="0.25">
      <c r="A1231" s="181" t="s">
        <v>2843</v>
      </c>
      <c r="B1231" s="225">
        <v>45982</v>
      </c>
      <c r="C1231" s="180" t="s">
        <v>1482</v>
      </c>
      <c r="D1231" s="180" t="s">
        <v>1483</v>
      </c>
      <c r="E1231" s="180">
        <v>31348653</v>
      </c>
      <c r="F1231" s="184" t="s">
        <v>2844</v>
      </c>
      <c r="G1231" s="332" t="s">
        <v>2845</v>
      </c>
      <c r="H1231" s="332" t="s">
        <v>2846</v>
      </c>
      <c r="I1231" s="180" t="s">
        <v>1485</v>
      </c>
      <c r="J1231" s="180">
        <v>3612025</v>
      </c>
    </row>
    <row r="1232" spans="1:10" x14ac:dyDescent="0.25">
      <c r="A1232" s="181" t="s">
        <v>2847</v>
      </c>
      <c r="B1232" s="225">
        <v>45981</v>
      </c>
      <c r="C1232" s="183" t="s">
        <v>171</v>
      </c>
      <c r="D1232" s="180" t="s">
        <v>266</v>
      </c>
      <c r="E1232" s="180">
        <v>52599515</v>
      </c>
      <c r="F1232" s="183" t="s">
        <v>2848</v>
      </c>
      <c r="G1232" s="201" t="s">
        <v>2849</v>
      </c>
      <c r="H1232" s="201" t="s">
        <v>2850</v>
      </c>
      <c r="I1232" s="203" t="s">
        <v>699</v>
      </c>
      <c r="J1232" s="183" t="s">
        <v>1695</v>
      </c>
    </row>
    <row r="1233" spans="1:10" x14ac:dyDescent="0.25">
      <c r="A1233" s="181" t="s">
        <v>2851</v>
      </c>
      <c r="B1233" s="225">
        <v>45982</v>
      </c>
      <c r="C1233" s="183" t="s">
        <v>1482</v>
      </c>
      <c r="D1233" s="180" t="s">
        <v>1483</v>
      </c>
      <c r="E1233" s="180">
        <v>31348653</v>
      </c>
      <c r="F1233" s="180" t="s">
        <v>2852</v>
      </c>
      <c r="G1233" s="201" t="s">
        <v>2853</v>
      </c>
      <c r="H1233" s="201" t="s">
        <v>2854</v>
      </c>
      <c r="I1233" s="183" t="s">
        <v>1485</v>
      </c>
      <c r="J1233" s="183">
        <v>3622025</v>
      </c>
    </row>
    <row r="1234" spans="1:10" x14ac:dyDescent="0.25">
      <c r="A1234" s="181" t="s">
        <v>2855</v>
      </c>
      <c r="B1234" s="225">
        <v>45985</v>
      </c>
      <c r="C1234" s="183" t="s">
        <v>668</v>
      </c>
      <c r="D1234" s="183" t="s">
        <v>669</v>
      </c>
      <c r="E1234" s="183">
        <v>42137004</v>
      </c>
      <c r="F1234" s="183" t="s">
        <v>2856</v>
      </c>
      <c r="G1234" s="201" t="s">
        <v>2857</v>
      </c>
      <c r="H1234" s="201" t="s">
        <v>2858</v>
      </c>
      <c r="I1234" s="183" t="s">
        <v>2450</v>
      </c>
      <c r="J1234" s="183">
        <v>3142025</v>
      </c>
    </row>
    <row r="1235" spans="1:10" x14ac:dyDescent="0.25">
      <c r="A1235" s="181" t="s">
        <v>2859</v>
      </c>
      <c r="B1235" s="225">
        <v>45986</v>
      </c>
      <c r="C1235" s="183" t="s">
        <v>100</v>
      </c>
      <c r="D1235" s="183" t="s">
        <v>101</v>
      </c>
      <c r="E1235" s="183">
        <v>36769304</v>
      </c>
      <c r="F1235" s="180" t="s">
        <v>1170</v>
      </c>
      <c r="G1235" s="201" t="s">
        <v>2860</v>
      </c>
      <c r="H1235" s="201" t="s">
        <v>2861</v>
      </c>
      <c r="I1235" s="183" t="s">
        <v>1695</v>
      </c>
      <c r="J1235" s="183">
        <v>1052025</v>
      </c>
    </row>
    <row r="1236" spans="1:10" x14ac:dyDescent="0.25">
      <c r="A1236" s="181" t="s">
        <v>2862</v>
      </c>
      <c r="B1236" s="225">
        <v>45987</v>
      </c>
      <c r="C1236" s="183" t="s">
        <v>1482</v>
      </c>
      <c r="D1236" s="180" t="s">
        <v>1483</v>
      </c>
      <c r="E1236" s="180">
        <v>31348653</v>
      </c>
      <c r="F1236" s="183" t="s">
        <v>2863</v>
      </c>
      <c r="G1236" s="201" t="s">
        <v>2864</v>
      </c>
      <c r="H1236" s="201" t="s">
        <v>2865</v>
      </c>
      <c r="I1236" s="183" t="s">
        <v>1485</v>
      </c>
      <c r="J1236" s="183">
        <v>2962025</v>
      </c>
    </row>
    <row r="1237" spans="1:10" x14ac:dyDescent="0.25">
      <c r="A1237" s="182" t="s">
        <v>2866</v>
      </c>
      <c r="B1237" s="224">
        <v>45988</v>
      </c>
      <c r="C1237" s="183" t="s">
        <v>2348</v>
      </c>
      <c r="D1237" s="183" t="s">
        <v>2349</v>
      </c>
      <c r="E1237" s="183">
        <v>36526312</v>
      </c>
      <c r="F1237" s="180" t="s">
        <v>2867</v>
      </c>
      <c r="G1237" s="201" t="s">
        <v>2868</v>
      </c>
      <c r="H1237" s="201" t="s">
        <v>2869</v>
      </c>
      <c r="I1237" s="183" t="s">
        <v>1695</v>
      </c>
      <c r="J1237" s="201" t="s">
        <v>2870</v>
      </c>
    </row>
    <row r="1238" spans="1:10" x14ac:dyDescent="0.25">
      <c r="A1238" s="182" t="s">
        <v>2871</v>
      </c>
      <c r="B1238" s="224">
        <v>45986</v>
      </c>
      <c r="C1238" s="183" t="s">
        <v>1731</v>
      </c>
      <c r="D1238" s="183" t="s">
        <v>1732</v>
      </c>
      <c r="E1238" s="183">
        <v>14255791</v>
      </c>
      <c r="F1238" s="183" t="s">
        <v>1733</v>
      </c>
      <c r="G1238" s="201" t="s">
        <v>2872</v>
      </c>
      <c r="H1238" s="201" t="s">
        <v>2873</v>
      </c>
      <c r="I1238" s="183" t="s">
        <v>1695</v>
      </c>
      <c r="J1238" s="183">
        <v>6502025</v>
      </c>
    </row>
    <row r="1239" spans="1:10" x14ac:dyDescent="0.25">
      <c r="A1239" s="182" t="s">
        <v>2874</v>
      </c>
      <c r="B1239" s="224">
        <v>45988</v>
      </c>
      <c r="C1239" s="183" t="s">
        <v>2875</v>
      </c>
      <c r="D1239" s="183" t="s">
        <v>2876</v>
      </c>
      <c r="E1239" s="183">
        <v>45539197</v>
      </c>
      <c r="F1239" s="183" t="s">
        <v>2877</v>
      </c>
      <c r="G1239" s="201" t="s">
        <v>2878</v>
      </c>
      <c r="H1239" s="201" t="s">
        <v>2879</v>
      </c>
      <c r="I1239" s="183" t="s">
        <v>2880</v>
      </c>
      <c r="J1239" s="183">
        <v>3652025</v>
      </c>
    </row>
    <row r="1240" spans="1:10" x14ac:dyDescent="0.25">
      <c r="A1240" s="182" t="s">
        <v>2881</v>
      </c>
      <c r="B1240" s="224">
        <v>45988</v>
      </c>
      <c r="C1240" s="183" t="s">
        <v>302</v>
      </c>
      <c r="D1240" s="183" t="s">
        <v>1691</v>
      </c>
      <c r="E1240" s="183">
        <v>42156424</v>
      </c>
      <c r="F1240" s="183" t="s">
        <v>1692</v>
      </c>
      <c r="G1240" s="201" t="s">
        <v>2882</v>
      </c>
      <c r="H1240" s="201" t="s">
        <v>2883</v>
      </c>
      <c r="I1240" s="183" t="s">
        <v>1695</v>
      </c>
      <c r="J1240" s="183">
        <v>3692025</v>
      </c>
    </row>
    <row r="1241" spans="1:10" x14ac:dyDescent="0.25">
      <c r="A1241" s="182" t="s">
        <v>2884</v>
      </c>
      <c r="B1241" s="224">
        <v>45988</v>
      </c>
      <c r="C1241" s="183" t="s">
        <v>302</v>
      </c>
      <c r="D1241" s="183" t="s">
        <v>1691</v>
      </c>
      <c r="E1241" s="183">
        <v>42156424</v>
      </c>
      <c r="F1241" s="183" t="s">
        <v>2885</v>
      </c>
      <c r="G1241" s="201" t="s">
        <v>2886</v>
      </c>
      <c r="H1241" s="201" t="s">
        <v>2887</v>
      </c>
      <c r="I1241" s="183" t="s">
        <v>1695</v>
      </c>
      <c r="J1241" s="183">
        <v>3692025</v>
      </c>
    </row>
    <row r="1242" spans="1:10" x14ac:dyDescent="0.25">
      <c r="A1242" s="182" t="s">
        <v>2888</v>
      </c>
      <c r="B1242" s="224">
        <v>45989</v>
      </c>
      <c r="C1242" s="183" t="s">
        <v>2889</v>
      </c>
      <c r="D1242" s="183" t="s">
        <v>2890</v>
      </c>
      <c r="E1242" s="183">
        <v>46056301</v>
      </c>
      <c r="F1242" s="183" t="s">
        <v>2891</v>
      </c>
      <c r="G1242" s="201" t="s">
        <v>2892</v>
      </c>
      <c r="H1242" s="201" t="s">
        <v>2893</v>
      </c>
      <c r="I1242" s="183" t="s">
        <v>1695</v>
      </c>
      <c r="J1242" s="183">
        <v>3182025</v>
      </c>
    </row>
    <row r="1243" spans="1:10" x14ac:dyDescent="0.25">
      <c r="A1243" s="182" t="s">
        <v>2894</v>
      </c>
      <c r="B1243" s="224">
        <v>45989</v>
      </c>
      <c r="C1243" s="183" t="s">
        <v>2895</v>
      </c>
      <c r="D1243" s="183" t="s">
        <v>2896</v>
      </c>
      <c r="E1243" s="183">
        <v>35881674</v>
      </c>
      <c r="F1243" s="183" t="s">
        <v>2897</v>
      </c>
      <c r="G1243" s="201" t="s">
        <v>2898</v>
      </c>
      <c r="H1243" s="201" t="s">
        <v>2899</v>
      </c>
      <c r="I1243" s="183" t="s">
        <v>1695</v>
      </c>
      <c r="J1243" s="183">
        <v>3282025</v>
      </c>
    </row>
    <row r="1244" spans="1:10" x14ac:dyDescent="0.25">
      <c r="A1244" s="182" t="s">
        <v>2900</v>
      </c>
      <c r="B1244" s="224">
        <v>45989</v>
      </c>
      <c r="C1244" s="183" t="s">
        <v>2341</v>
      </c>
      <c r="D1244" s="183" t="s">
        <v>12</v>
      </c>
      <c r="E1244" s="183">
        <v>36302716</v>
      </c>
      <c r="F1244" s="183" t="s">
        <v>813</v>
      </c>
      <c r="G1244" s="201" t="s">
        <v>2901</v>
      </c>
      <c r="H1244" s="201" t="s">
        <v>2902</v>
      </c>
      <c r="I1244" s="183" t="s">
        <v>1695</v>
      </c>
      <c r="J1244" s="183">
        <v>3712025</v>
      </c>
    </row>
    <row r="1245" spans="1:10" x14ac:dyDescent="0.25">
      <c r="A1245" s="182" t="s">
        <v>2903</v>
      </c>
      <c r="B1245" s="224">
        <v>45992</v>
      </c>
      <c r="C1245" s="183" t="s">
        <v>389</v>
      </c>
      <c r="D1245" s="183" t="s">
        <v>390</v>
      </c>
      <c r="E1245" s="183">
        <v>35900831</v>
      </c>
      <c r="F1245" s="183" t="s">
        <v>2904</v>
      </c>
      <c r="G1245" s="201" t="s">
        <v>2905</v>
      </c>
      <c r="H1245" s="201" t="s">
        <v>2906</v>
      </c>
      <c r="I1245" s="183" t="s">
        <v>1695</v>
      </c>
      <c r="J1245" s="183">
        <v>2812025</v>
      </c>
    </row>
    <row r="1246" spans="1:10" x14ac:dyDescent="0.25">
      <c r="A1246" s="182" t="s">
        <v>2907</v>
      </c>
      <c r="B1246" s="224">
        <v>45992</v>
      </c>
      <c r="C1246" s="183" t="s">
        <v>117</v>
      </c>
      <c r="D1246" s="202" t="s">
        <v>118</v>
      </c>
      <c r="E1246" s="202">
        <v>46380434</v>
      </c>
      <c r="F1246" s="183" t="s">
        <v>2908</v>
      </c>
      <c r="G1246" s="201" t="s">
        <v>2909</v>
      </c>
      <c r="H1246" s="201" t="s">
        <v>1356</v>
      </c>
      <c r="I1246" s="183" t="s">
        <v>1695</v>
      </c>
      <c r="J1246" s="183">
        <v>3592025</v>
      </c>
    </row>
    <row r="1247" spans="1:10" x14ac:dyDescent="0.25">
      <c r="A1247" s="182" t="s">
        <v>2910</v>
      </c>
      <c r="B1247" s="224">
        <v>45992</v>
      </c>
      <c r="C1247" s="183" t="s">
        <v>68</v>
      </c>
      <c r="D1247" s="183" t="s">
        <v>771</v>
      </c>
      <c r="E1247" s="183">
        <v>51906988</v>
      </c>
      <c r="F1247" s="183" t="s">
        <v>2911</v>
      </c>
      <c r="G1247" s="201" t="s">
        <v>2912</v>
      </c>
      <c r="H1247" s="201" t="s">
        <v>2913</v>
      </c>
      <c r="I1247" s="183" t="s">
        <v>71</v>
      </c>
      <c r="J1247" s="183" t="s">
        <v>1695</v>
      </c>
    </row>
    <row r="1248" spans="1:10" x14ac:dyDescent="0.25">
      <c r="A1248" s="182" t="s">
        <v>2914</v>
      </c>
      <c r="B1248" s="224">
        <v>45992</v>
      </c>
      <c r="C1248" s="183" t="s">
        <v>148</v>
      </c>
      <c r="D1248" s="180" t="s">
        <v>365</v>
      </c>
      <c r="E1248" s="180">
        <v>53227514</v>
      </c>
      <c r="F1248" s="183" t="s">
        <v>2915</v>
      </c>
      <c r="G1248" s="201" t="s">
        <v>2916</v>
      </c>
      <c r="H1248" s="332" t="s">
        <v>2917</v>
      </c>
      <c r="I1248" s="180" t="s">
        <v>2093</v>
      </c>
      <c r="J1248" s="180" t="s">
        <v>1695</v>
      </c>
    </row>
    <row r="1249" spans="1:10" x14ac:dyDescent="0.25">
      <c r="A1249" s="182" t="s">
        <v>2918</v>
      </c>
      <c r="B1249" s="224">
        <v>45992</v>
      </c>
      <c r="C1249" s="183" t="s">
        <v>148</v>
      </c>
      <c r="D1249" s="183" t="s">
        <v>365</v>
      </c>
      <c r="E1249" s="183">
        <v>53227514</v>
      </c>
      <c r="F1249" s="183" t="s">
        <v>2919</v>
      </c>
      <c r="G1249" s="201" t="s">
        <v>2920</v>
      </c>
      <c r="H1249" s="332" t="s">
        <v>2921</v>
      </c>
      <c r="I1249" s="180" t="s">
        <v>2093</v>
      </c>
      <c r="J1249" s="180" t="s">
        <v>1695</v>
      </c>
    </row>
    <row r="1250" spans="1:10" x14ac:dyDescent="0.25">
      <c r="A1250" s="182" t="s">
        <v>2922</v>
      </c>
      <c r="B1250" s="224">
        <v>45992</v>
      </c>
      <c r="C1250" s="183" t="s">
        <v>774</v>
      </c>
      <c r="D1250" s="183" t="s">
        <v>775</v>
      </c>
      <c r="E1250" s="183">
        <v>36857165</v>
      </c>
      <c r="F1250" s="183" t="s">
        <v>2923</v>
      </c>
      <c r="G1250" s="201" t="s">
        <v>2924</v>
      </c>
      <c r="H1250" s="201" t="s">
        <v>2925</v>
      </c>
      <c r="I1250" s="183" t="s">
        <v>1789</v>
      </c>
      <c r="J1250" s="183" t="s">
        <v>1695</v>
      </c>
    </row>
    <row r="1251" spans="1:10" x14ac:dyDescent="0.25">
      <c r="A1251" s="182" t="s">
        <v>2926</v>
      </c>
      <c r="B1251" s="224">
        <v>45992</v>
      </c>
      <c r="C1251" s="183" t="s">
        <v>134</v>
      </c>
      <c r="D1251" s="180" t="s">
        <v>135</v>
      </c>
      <c r="E1251" s="180">
        <v>35889063</v>
      </c>
      <c r="F1251" s="180" t="s">
        <v>2927</v>
      </c>
      <c r="G1251" s="332" t="s">
        <v>2928</v>
      </c>
      <c r="H1251" s="332" t="s">
        <v>2928</v>
      </c>
      <c r="I1251" s="198" t="s">
        <v>1341</v>
      </c>
      <c r="J1251" s="180" t="s">
        <v>1695</v>
      </c>
    </row>
    <row r="1252" spans="1:10" x14ac:dyDescent="0.25">
      <c r="A1252" s="182" t="s">
        <v>2929</v>
      </c>
      <c r="B1252" s="224">
        <v>45992</v>
      </c>
      <c r="C1252" s="183" t="s">
        <v>2668</v>
      </c>
      <c r="D1252" s="183" t="s">
        <v>2669</v>
      </c>
      <c r="E1252" s="183">
        <v>47239875</v>
      </c>
      <c r="F1252" s="183" t="s">
        <v>2930</v>
      </c>
      <c r="G1252" s="201" t="s">
        <v>2931</v>
      </c>
      <c r="H1252" s="201" t="s">
        <v>2932</v>
      </c>
      <c r="I1252" s="183" t="s">
        <v>2673</v>
      </c>
      <c r="J1252" s="183">
        <v>2782025</v>
      </c>
    </row>
    <row r="1253" spans="1:10" x14ac:dyDescent="0.25">
      <c r="A1253" s="182" t="s">
        <v>2933</v>
      </c>
      <c r="B1253" s="224">
        <v>45992</v>
      </c>
      <c r="C1253" s="183" t="s">
        <v>2033</v>
      </c>
      <c r="D1253" s="183" t="s">
        <v>1265</v>
      </c>
      <c r="E1253" s="183">
        <v>35722533</v>
      </c>
      <c r="F1253" s="183" t="s">
        <v>2934</v>
      </c>
      <c r="G1253" s="201" t="s">
        <v>2935</v>
      </c>
      <c r="H1253" s="201" t="s">
        <v>2936</v>
      </c>
      <c r="I1253" s="183" t="s">
        <v>2574</v>
      </c>
      <c r="J1253" s="183" t="s">
        <v>1695</v>
      </c>
    </row>
    <row r="1254" spans="1:10" x14ac:dyDescent="0.25">
      <c r="A1254" s="182" t="s">
        <v>2937</v>
      </c>
      <c r="B1254" s="224">
        <v>45992</v>
      </c>
      <c r="C1254" s="183" t="s">
        <v>2462</v>
      </c>
      <c r="D1254" s="183" t="s">
        <v>128</v>
      </c>
      <c r="E1254" s="183">
        <v>36795135</v>
      </c>
      <c r="F1254" s="183" t="s">
        <v>2938</v>
      </c>
      <c r="G1254" s="201" t="s">
        <v>2939</v>
      </c>
      <c r="H1254" s="201" t="s">
        <v>2940</v>
      </c>
      <c r="I1254" s="189" t="s">
        <v>2534</v>
      </c>
      <c r="J1254" s="183" t="s">
        <v>1695</v>
      </c>
    </row>
    <row r="1255" spans="1:10" x14ac:dyDescent="0.25">
      <c r="A1255" s="182" t="s">
        <v>2941</v>
      </c>
      <c r="B1255" s="224">
        <v>45992</v>
      </c>
      <c r="C1255" s="183" t="s">
        <v>2462</v>
      </c>
      <c r="D1255" s="183" t="s">
        <v>128</v>
      </c>
      <c r="E1255" s="183">
        <v>36795135</v>
      </c>
      <c r="F1255" s="183" t="s">
        <v>2942</v>
      </c>
      <c r="G1255" s="201" t="s">
        <v>2943</v>
      </c>
      <c r="H1255" s="201" t="s">
        <v>2944</v>
      </c>
      <c r="I1255" s="189" t="s">
        <v>130</v>
      </c>
      <c r="J1255" s="183" t="s">
        <v>1695</v>
      </c>
    </row>
    <row r="1256" spans="1:10" x14ac:dyDescent="0.25">
      <c r="A1256" s="182" t="s">
        <v>2945</v>
      </c>
      <c r="B1256" s="224">
        <v>45992</v>
      </c>
      <c r="C1256" s="183" t="s">
        <v>2462</v>
      </c>
      <c r="D1256" s="183" t="s">
        <v>128</v>
      </c>
      <c r="E1256" s="183">
        <v>36795135</v>
      </c>
      <c r="F1256" s="183" t="s">
        <v>2946</v>
      </c>
      <c r="G1256" s="201" t="s">
        <v>2947</v>
      </c>
      <c r="H1256" s="201" t="s">
        <v>2947</v>
      </c>
      <c r="I1256" s="189" t="s">
        <v>2537</v>
      </c>
      <c r="J1256" s="183" t="s">
        <v>1695</v>
      </c>
    </row>
    <row r="1257" spans="1:10" x14ac:dyDescent="0.25">
      <c r="A1257" s="182" t="s">
        <v>2948</v>
      </c>
      <c r="B1257" s="224">
        <v>45992</v>
      </c>
      <c r="C1257" s="183" t="s">
        <v>2949</v>
      </c>
      <c r="D1257" s="183" t="s">
        <v>2950</v>
      </c>
      <c r="E1257" s="183">
        <v>31648410</v>
      </c>
      <c r="F1257" s="183" t="s">
        <v>2951</v>
      </c>
      <c r="G1257" s="201" t="s">
        <v>2952</v>
      </c>
      <c r="H1257" s="201" t="s">
        <v>2953</v>
      </c>
      <c r="I1257" s="183" t="s">
        <v>1695</v>
      </c>
      <c r="J1257" s="183">
        <v>3252025</v>
      </c>
    </row>
    <row r="1258" spans="1:10" x14ac:dyDescent="0.25">
      <c r="A1258" s="182" t="s">
        <v>2954</v>
      </c>
      <c r="B1258" s="224">
        <v>45992</v>
      </c>
      <c r="C1258" s="183" t="s">
        <v>707</v>
      </c>
      <c r="D1258" s="183" t="s">
        <v>31</v>
      </c>
      <c r="E1258" s="194">
        <v>36287229</v>
      </c>
      <c r="F1258" s="182" t="s">
        <v>2955</v>
      </c>
      <c r="G1258" s="201" t="s">
        <v>2956</v>
      </c>
      <c r="H1258" s="201" t="s">
        <v>2957</v>
      </c>
      <c r="I1258" s="183" t="s">
        <v>1695</v>
      </c>
      <c r="J1258" s="183">
        <v>3792025</v>
      </c>
    </row>
    <row r="1259" spans="1:10" x14ac:dyDescent="0.25">
      <c r="A1259" s="182" t="s">
        <v>2958</v>
      </c>
      <c r="B1259" s="224">
        <v>45992</v>
      </c>
      <c r="C1259" s="183" t="s">
        <v>117</v>
      </c>
      <c r="D1259" s="202" t="s">
        <v>118</v>
      </c>
      <c r="E1259" s="202">
        <v>46380434</v>
      </c>
      <c r="F1259" s="183" t="s">
        <v>2959</v>
      </c>
      <c r="G1259" s="201" t="s">
        <v>2960</v>
      </c>
      <c r="H1259" s="201" t="s">
        <v>2961</v>
      </c>
      <c r="I1259" s="183" t="s">
        <v>1695</v>
      </c>
      <c r="J1259" s="183">
        <v>2822025</v>
      </c>
    </row>
    <row r="1260" spans="1:10" x14ac:dyDescent="0.25">
      <c r="A1260" s="182" t="s">
        <v>2962</v>
      </c>
      <c r="B1260" s="224">
        <v>45992</v>
      </c>
      <c r="C1260" s="183" t="s">
        <v>117</v>
      </c>
      <c r="D1260" s="205" t="s">
        <v>118</v>
      </c>
      <c r="E1260" s="205">
        <v>46380434</v>
      </c>
      <c r="F1260" s="180" t="s">
        <v>2963</v>
      </c>
      <c r="G1260" s="332" t="s">
        <v>2964</v>
      </c>
      <c r="H1260" s="332" t="s">
        <v>2965</v>
      </c>
      <c r="I1260" s="198" t="s">
        <v>120</v>
      </c>
      <c r="J1260" s="180" t="s">
        <v>1695</v>
      </c>
    </row>
    <row r="1261" spans="1:10" x14ac:dyDescent="0.25">
      <c r="A1261" s="182" t="s">
        <v>2966</v>
      </c>
      <c r="B1261" s="224">
        <v>45993</v>
      </c>
      <c r="C1261" s="183" t="s">
        <v>1533</v>
      </c>
      <c r="D1261" s="180" t="s">
        <v>106</v>
      </c>
      <c r="E1261" s="180">
        <v>31327681</v>
      </c>
      <c r="F1261" s="193" t="s">
        <v>2967</v>
      </c>
      <c r="G1261" s="222" t="s">
        <v>2968</v>
      </c>
      <c r="H1261" s="201" t="s">
        <v>2969</v>
      </c>
      <c r="I1261" s="183" t="s">
        <v>108</v>
      </c>
      <c r="J1261" s="183">
        <v>142025</v>
      </c>
    </row>
    <row r="1262" spans="1:10" x14ac:dyDescent="0.25">
      <c r="A1262" s="182" t="s">
        <v>2970</v>
      </c>
      <c r="B1262" s="224">
        <v>46000</v>
      </c>
      <c r="C1262" s="183" t="s">
        <v>455</v>
      </c>
      <c r="D1262" s="180" t="s">
        <v>607</v>
      </c>
      <c r="E1262" s="180">
        <v>31609058</v>
      </c>
      <c r="F1262" s="186" t="s">
        <v>2971</v>
      </c>
      <c r="G1262" s="201" t="s">
        <v>2972</v>
      </c>
      <c r="H1262" s="201" t="s">
        <v>2973</v>
      </c>
      <c r="I1262" s="183" t="s">
        <v>1695</v>
      </c>
      <c r="J1262" s="183">
        <v>3472025</v>
      </c>
    </row>
    <row r="1263" spans="1:10" x14ac:dyDescent="0.25">
      <c r="A1263" s="182" t="s">
        <v>2974</v>
      </c>
      <c r="B1263" s="224">
        <v>45993</v>
      </c>
      <c r="C1263" s="183" t="s">
        <v>44</v>
      </c>
      <c r="D1263" s="180" t="s">
        <v>45</v>
      </c>
      <c r="E1263" s="180">
        <v>35731851</v>
      </c>
      <c r="F1263" s="183" t="s">
        <v>2975</v>
      </c>
      <c r="G1263" s="201" t="s">
        <v>2606</v>
      </c>
      <c r="H1263" s="201" t="s">
        <v>2607</v>
      </c>
      <c r="I1263" s="183" t="s">
        <v>47</v>
      </c>
      <c r="J1263" s="183">
        <v>1792024</v>
      </c>
    </row>
    <row r="1264" spans="1:10" x14ac:dyDescent="0.25">
      <c r="A1264" s="182" t="s">
        <v>2976</v>
      </c>
      <c r="B1264" s="224">
        <v>45993</v>
      </c>
      <c r="C1264" s="183" t="s">
        <v>44</v>
      </c>
      <c r="D1264" s="180" t="s">
        <v>45</v>
      </c>
      <c r="E1264" s="180">
        <v>35731851</v>
      </c>
      <c r="F1264" s="183" t="s">
        <v>2977</v>
      </c>
      <c r="G1264" s="332" t="s">
        <v>2606</v>
      </c>
      <c r="H1264" s="332" t="s">
        <v>2607</v>
      </c>
      <c r="I1264" s="198" t="s">
        <v>47</v>
      </c>
      <c r="J1264" s="180">
        <v>1792024</v>
      </c>
    </row>
    <row r="1265" spans="1:10" x14ac:dyDescent="0.25">
      <c r="A1265" s="182" t="s">
        <v>2978</v>
      </c>
      <c r="B1265" s="224">
        <v>45993</v>
      </c>
      <c r="C1265" s="183" t="s">
        <v>44</v>
      </c>
      <c r="D1265" s="180" t="s">
        <v>45</v>
      </c>
      <c r="E1265" s="180">
        <v>35731851</v>
      </c>
      <c r="F1265" s="183" t="s">
        <v>2979</v>
      </c>
      <c r="G1265" s="332" t="s">
        <v>2606</v>
      </c>
      <c r="H1265" s="332" t="s">
        <v>2607</v>
      </c>
      <c r="I1265" s="198" t="s">
        <v>47</v>
      </c>
      <c r="J1265" s="180">
        <v>1792024</v>
      </c>
    </row>
    <row r="1266" spans="1:10" x14ac:dyDescent="0.25">
      <c r="A1266" s="182" t="s">
        <v>2980</v>
      </c>
      <c r="B1266" s="224">
        <v>45993</v>
      </c>
      <c r="C1266" s="183" t="s">
        <v>44</v>
      </c>
      <c r="D1266" s="180" t="s">
        <v>45</v>
      </c>
      <c r="E1266" s="180">
        <v>35731851</v>
      </c>
      <c r="F1266" s="183" t="s">
        <v>2981</v>
      </c>
      <c r="G1266" s="332" t="s">
        <v>2606</v>
      </c>
      <c r="H1266" s="332" t="s">
        <v>2607</v>
      </c>
      <c r="I1266" s="198" t="s">
        <v>2608</v>
      </c>
      <c r="J1266" s="180">
        <v>1792024</v>
      </c>
    </row>
    <row r="1267" spans="1:10" x14ac:dyDescent="0.25">
      <c r="A1267" s="182" t="s">
        <v>2982</v>
      </c>
      <c r="B1267" s="224">
        <v>45994</v>
      </c>
      <c r="C1267" s="183" t="s">
        <v>44</v>
      </c>
      <c r="D1267" s="180" t="s">
        <v>45</v>
      </c>
      <c r="E1267" s="180">
        <v>35731851</v>
      </c>
      <c r="F1267" s="183" t="s">
        <v>2983</v>
      </c>
      <c r="G1267" s="332" t="s">
        <v>2606</v>
      </c>
      <c r="H1267" s="332" t="s">
        <v>2607</v>
      </c>
      <c r="I1267" s="198" t="s">
        <v>47</v>
      </c>
      <c r="J1267" s="180">
        <v>1792024</v>
      </c>
    </row>
    <row r="1268" spans="1:10" x14ac:dyDescent="0.25">
      <c r="A1268" s="182" t="s">
        <v>2984</v>
      </c>
      <c r="B1268" s="224">
        <v>45994</v>
      </c>
      <c r="C1268" s="183" t="s">
        <v>44</v>
      </c>
      <c r="D1268" s="180" t="s">
        <v>45</v>
      </c>
      <c r="E1268" s="180">
        <v>35731851</v>
      </c>
      <c r="F1268" s="183" t="s">
        <v>2985</v>
      </c>
      <c r="G1268" s="201" t="s">
        <v>2606</v>
      </c>
      <c r="H1268" s="201" t="s">
        <v>2607</v>
      </c>
      <c r="I1268" s="189" t="s">
        <v>47</v>
      </c>
      <c r="J1268" s="183">
        <v>1792024</v>
      </c>
    </row>
    <row r="1269" spans="1:10" x14ac:dyDescent="0.25">
      <c r="A1269" s="182" t="s">
        <v>2986</v>
      </c>
      <c r="B1269" s="224">
        <v>45994</v>
      </c>
      <c r="C1269" s="183" t="s">
        <v>44</v>
      </c>
      <c r="D1269" s="180" t="s">
        <v>45</v>
      </c>
      <c r="E1269" s="180">
        <v>35731851</v>
      </c>
      <c r="F1269" s="183" t="s">
        <v>2987</v>
      </c>
      <c r="G1269" s="201" t="s">
        <v>2606</v>
      </c>
      <c r="H1269" s="201" t="s">
        <v>2607</v>
      </c>
      <c r="I1269" s="189" t="s">
        <v>47</v>
      </c>
      <c r="J1269" s="183">
        <v>1792024</v>
      </c>
    </row>
    <row r="1270" spans="1:10" x14ac:dyDescent="0.25">
      <c r="A1270" s="182" t="s">
        <v>2988</v>
      </c>
      <c r="B1270" s="224">
        <v>45994</v>
      </c>
      <c r="C1270" s="183" t="s">
        <v>44</v>
      </c>
      <c r="D1270" s="180" t="s">
        <v>45</v>
      </c>
      <c r="E1270" s="180">
        <v>35731851</v>
      </c>
      <c r="F1270" s="183" t="s">
        <v>2989</v>
      </c>
      <c r="G1270" s="332" t="s">
        <v>2606</v>
      </c>
      <c r="H1270" s="332" t="s">
        <v>2607</v>
      </c>
      <c r="I1270" s="198" t="s">
        <v>47</v>
      </c>
      <c r="J1270" s="180">
        <v>1792024</v>
      </c>
    </row>
    <row r="1271" spans="1:10" x14ac:dyDescent="0.25">
      <c r="A1271" s="182" t="s">
        <v>2990</v>
      </c>
      <c r="B1271" s="224">
        <v>45994</v>
      </c>
      <c r="C1271" s="183" t="s">
        <v>81</v>
      </c>
      <c r="D1271" s="180" t="s">
        <v>82</v>
      </c>
      <c r="E1271" s="180">
        <v>35697270</v>
      </c>
      <c r="F1271" s="180" t="s">
        <v>2991</v>
      </c>
      <c r="G1271" s="332" t="s">
        <v>2992</v>
      </c>
      <c r="H1271" s="332" t="s">
        <v>2993</v>
      </c>
      <c r="I1271" s="189" t="s">
        <v>84</v>
      </c>
      <c r="J1271" s="180" t="s">
        <v>1695</v>
      </c>
    </row>
    <row r="1272" spans="1:10" x14ac:dyDescent="0.25">
      <c r="A1272" s="182" t="s">
        <v>2994</v>
      </c>
      <c r="B1272" s="224">
        <v>45994</v>
      </c>
      <c r="C1272" s="180" t="s">
        <v>81</v>
      </c>
      <c r="D1272" s="180" t="s">
        <v>82</v>
      </c>
      <c r="E1272" s="180">
        <v>35697270</v>
      </c>
      <c r="F1272" s="183" t="s">
        <v>2995</v>
      </c>
      <c r="G1272" s="332" t="s">
        <v>2992</v>
      </c>
      <c r="H1272" s="332" t="s">
        <v>2993</v>
      </c>
      <c r="I1272" s="198" t="s">
        <v>84</v>
      </c>
      <c r="J1272" s="180" t="s">
        <v>1695</v>
      </c>
    </row>
    <row r="1273" spans="1:10" x14ac:dyDescent="0.25">
      <c r="A1273" s="182" t="s">
        <v>2996</v>
      </c>
      <c r="B1273" s="224">
        <v>45994</v>
      </c>
      <c r="C1273" s="180" t="s">
        <v>81</v>
      </c>
      <c r="D1273" s="180" t="s">
        <v>82</v>
      </c>
      <c r="E1273" s="180">
        <v>35697270</v>
      </c>
      <c r="F1273" s="183" t="s">
        <v>2997</v>
      </c>
      <c r="G1273" s="332" t="s">
        <v>2992</v>
      </c>
      <c r="H1273" s="332" t="s">
        <v>2993</v>
      </c>
      <c r="I1273" s="180" t="s">
        <v>84</v>
      </c>
      <c r="J1273" s="180" t="s">
        <v>1695</v>
      </c>
    </row>
    <row r="1274" spans="1:10" x14ac:dyDescent="0.25">
      <c r="A1274" s="182" t="s">
        <v>2998</v>
      </c>
      <c r="B1274" s="224">
        <v>45994</v>
      </c>
      <c r="C1274" s="183" t="s">
        <v>171</v>
      </c>
      <c r="D1274" s="180" t="s">
        <v>369</v>
      </c>
      <c r="E1274" s="180">
        <v>35889063</v>
      </c>
      <c r="F1274" s="202" t="s">
        <v>2999</v>
      </c>
      <c r="G1274" s="332" t="s">
        <v>3000</v>
      </c>
      <c r="H1274" s="332" t="s">
        <v>3001</v>
      </c>
      <c r="I1274" s="203" t="s">
        <v>699</v>
      </c>
      <c r="J1274" s="180" t="s">
        <v>1695</v>
      </c>
    </row>
    <row r="1275" spans="1:10" x14ac:dyDescent="0.25">
      <c r="A1275" s="182" t="s">
        <v>3002</v>
      </c>
      <c r="B1275" s="224">
        <v>45994</v>
      </c>
      <c r="C1275" s="183" t="s">
        <v>357</v>
      </c>
      <c r="D1275" s="180" t="s">
        <v>607</v>
      </c>
      <c r="E1275" s="180">
        <v>31609058</v>
      </c>
      <c r="F1275" s="183" t="s">
        <v>3003</v>
      </c>
      <c r="G1275" s="201" t="s">
        <v>3004</v>
      </c>
      <c r="H1275" s="201" t="s">
        <v>3005</v>
      </c>
      <c r="I1275" s="183" t="s">
        <v>360</v>
      </c>
      <c r="J1275" s="183">
        <v>922025</v>
      </c>
    </row>
    <row r="1276" spans="1:10" x14ac:dyDescent="0.25">
      <c r="A1276" s="182" t="s">
        <v>3006</v>
      </c>
      <c r="B1276" s="224">
        <v>45994</v>
      </c>
      <c r="C1276" s="183" t="s">
        <v>357</v>
      </c>
      <c r="D1276" s="180" t="s">
        <v>607</v>
      </c>
      <c r="E1276" s="180">
        <v>31609058</v>
      </c>
      <c r="F1276" s="191" t="s">
        <v>3007</v>
      </c>
      <c r="G1276" s="334" t="s">
        <v>3008</v>
      </c>
      <c r="H1276" s="334" t="s">
        <v>3009</v>
      </c>
      <c r="I1276" s="195" t="s">
        <v>387</v>
      </c>
      <c r="J1276" s="185" t="s">
        <v>1695</v>
      </c>
    </row>
    <row r="1277" spans="1:10" x14ac:dyDescent="0.25">
      <c r="A1277" s="182" t="s">
        <v>3010</v>
      </c>
      <c r="B1277" s="224">
        <v>45994</v>
      </c>
      <c r="C1277" s="183" t="s">
        <v>357</v>
      </c>
      <c r="D1277" s="180" t="s">
        <v>607</v>
      </c>
      <c r="E1277" s="180">
        <v>31609058</v>
      </c>
      <c r="F1277" s="186" t="s">
        <v>3011</v>
      </c>
      <c r="G1277" s="335" t="s">
        <v>3012</v>
      </c>
      <c r="H1277" s="335" t="s">
        <v>3013</v>
      </c>
      <c r="I1277" s="196" t="s">
        <v>360</v>
      </c>
      <c r="J1277" s="210" t="s">
        <v>1001</v>
      </c>
    </row>
    <row r="1278" spans="1:10" x14ac:dyDescent="0.25">
      <c r="A1278" s="182" t="s">
        <v>3014</v>
      </c>
      <c r="B1278" s="224">
        <v>45994</v>
      </c>
      <c r="C1278" s="183" t="s">
        <v>357</v>
      </c>
      <c r="D1278" s="180" t="s">
        <v>607</v>
      </c>
      <c r="E1278" s="180">
        <v>31609058</v>
      </c>
      <c r="F1278" s="183" t="s">
        <v>3015</v>
      </c>
      <c r="G1278" s="201" t="s">
        <v>3016</v>
      </c>
      <c r="H1278" s="201" t="s">
        <v>3017</v>
      </c>
      <c r="I1278" s="183" t="s">
        <v>360</v>
      </c>
      <c r="J1278" s="180">
        <v>2172025</v>
      </c>
    </row>
    <row r="1279" spans="1:10" x14ac:dyDescent="0.25">
      <c r="A1279" s="182" t="s">
        <v>3018</v>
      </c>
      <c r="B1279" s="224">
        <v>45994</v>
      </c>
      <c r="C1279" s="183" t="s">
        <v>3019</v>
      </c>
      <c r="D1279" s="180" t="s">
        <v>3020</v>
      </c>
      <c r="E1279" s="180">
        <v>55582010</v>
      </c>
      <c r="F1279" s="183" t="s">
        <v>3021</v>
      </c>
      <c r="G1279" s="201" t="s">
        <v>3022</v>
      </c>
      <c r="H1279" s="201" t="s">
        <v>3023</v>
      </c>
      <c r="I1279" s="183" t="s">
        <v>1695</v>
      </c>
      <c r="J1279" s="183">
        <v>3432025</v>
      </c>
    </row>
    <row r="1280" spans="1:10" x14ac:dyDescent="0.25">
      <c r="A1280" s="182" t="s">
        <v>3024</v>
      </c>
      <c r="B1280" s="224">
        <v>45994</v>
      </c>
      <c r="C1280" s="183" t="s">
        <v>3025</v>
      </c>
      <c r="D1280" s="183" t="s">
        <v>3026</v>
      </c>
      <c r="E1280" s="183">
        <v>31780687</v>
      </c>
      <c r="F1280" s="183" t="s">
        <v>3027</v>
      </c>
      <c r="G1280" s="201" t="s">
        <v>3028</v>
      </c>
      <c r="H1280" s="201" t="s">
        <v>3028</v>
      </c>
      <c r="I1280" s="183" t="s">
        <v>1695</v>
      </c>
      <c r="J1280" s="183">
        <v>2062025</v>
      </c>
    </row>
    <row r="1281" spans="1:10" x14ac:dyDescent="0.25">
      <c r="A1281" s="182" t="s">
        <v>3029</v>
      </c>
      <c r="B1281" s="224">
        <v>45994</v>
      </c>
      <c r="C1281" s="183" t="s">
        <v>450</v>
      </c>
      <c r="D1281" s="183" t="s">
        <v>451</v>
      </c>
      <c r="E1281" s="183">
        <v>32627211</v>
      </c>
      <c r="F1281" s="180" t="s">
        <v>3030</v>
      </c>
      <c r="G1281" s="201" t="s">
        <v>3031</v>
      </c>
      <c r="H1281" s="201" t="s">
        <v>3032</v>
      </c>
      <c r="I1281" s="189" t="s">
        <v>1043</v>
      </c>
      <c r="J1281" s="183">
        <v>3822025</v>
      </c>
    </row>
    <row r="1282" spans="1:10" x14ac:dyDescent="0.25">
      <c r="A1282" s="182" t="s">
        <v>3033</v>
      </c>
      <c r="B1282" s="224">
        <v>45994</v>
      </c>
      <c r="C1282" s="183" t="s">
        <v>139</v>
      </c>
      <c r="D1282" s="183" t="s">
        <v>140</v>
      </c>
      <c r="E1282" s="183">
        <v>47235713</v>
      </c>
      <c r="F1282" s="183" t="s">
        <v>3034</v>
      </c>
      <c r="G1282" s="332" t="s">
        <v>3035</v>
      </c>
      <c r="H1282" s="332" t="s">
        <v>3036</v>
      </c>
      <c r="I1282" s="180" t="s">
        <v>2812</v>
      </c>
      <c r="J1282" s="180" t="s">
        <v>1695</v>
      </c>
    </row>
    <row r="1283" spans="1:10" x14ac:dyDescent="0.25">
      <c r="A1283" s="182" t="s">
        <v>3037</v>
      </c>
      <c r="B1283" s="224">
        <v>45994</v>
      </c>
      <c r="C1283" s="183" t="s">
        <v>139</v>
      </c>
      <c r="D1283" s="183" t="s">
        <v>140</v>
      </c>
      <c r="E1283" s="183">
        <v>47235713</v>
      </c>
      <c r="F1283" s="185" t="s">
        <v>3038</v>
      </c>
      <c r="G1283" s="332" t="s">
        <v>3039</v>
      </c>
      <c r="H1283" s="332" t="s">
        <v>3040</v>
      </c>
      <c r="I1283" s="180" t="s">
        <v>2812</v>
      </c>
      <c r="J1283" s="180" t="s">
        <v>1695</v>
      </c>
    </row>
    <row r="1284" spans="1:10" x14ac:dyDescent="0.25">
      <c r="A1284" s="182" t="s">
        <v>3041</v>
      </c>
      <c r="B1284" s="224">
        <v>45995</v>
      </c>
      <c r="C1284" s="183" t="s">
        <v>164</v>
      </c>
      <c r="D1284" s="180" t="s">
        <v>165</v>
      </c>
      <c r="E1284" s="192">
        <v>43799485</v>
      </c>
      <c r="F1284" s="197" t="s">
        <v>3042</v>
      </c>
      <c r="G1284" s="332" t="s">
        <v>3043</v>
      </c>
      <c r="H1284" s="332" t="s">
        <v>3044</v>
      </c>
      <c r="I1284" s="198" t="s">
        <v>167</v>
      </c>
      <c r="J1284" s="180" t="s">
        <v>1695</v>
      </c>
    </row>
    <row r="1285" spans="1:10" x14ac:dyDescent="0.25">
      <c r="A1285" s="182" t="s">
        <v>3045</v>
      </c>
      <c r="B1285" s="224">
        <v>45995</v>
      </c>
      <c r="C1285" s="183" t="s">
        <v>164</v>
      </c>
      <c r="D1285" s="180" t="s">
        <v>165</v>
      </c>
      <c r="E1285" s="192">
        <v>43799485</v>
      </c>
      <c r="F1285" s="179" t="s">
        <v>3046</v>
      </c>
      <c r="G1285" s="332" t="s">
        <v>3047</v>
      </c>
      <c r="H1285" s="332" t="s">
        <v>3048</v>
      </c>
      <c r="I1285" s="198" t="s">
        <v>167</v>
      </c>
      <c r="J1285" s="180" t="s">
        <v>1695</v>
      </c>
    </row>
    <row r="1286" spans="1:10" x14ac:dyDescent="0.25">
      <c r="A1286" s="182" t="s">
        <v>3049</v>
      </c>
      <c r="B1286" s="224">
        <v>45995</v>
      </c>
      <c r="C1286" s="183" t="s">
        <v>63</v>
      </c>
      <c r="D1286" s="183" t="s">
        <v>64</v>
      </c>
      <c r="E1286" s="194">
        <v>35872900</v>
      </c>
      <c r="F1286" s="188" t="s">
        <v>3050</v>
      </c>
      <c r="G1286" s="201" t="s">
        <v>3051</v>
      </c>
      <c r="H1286" s="201" t="s">
        <v>3052</v>
      </c>
      <c r="I1286" s="183" t="s">
        <v>1795</v>
      </c>
      <c r="J1286" s="183">
        <v>2632025</v>
      </c>
    </row>
    <row r="1287" spans="1:10" x14ac:dyDescent="0.25">
      <c r="A1287" s="182" t="s">
        <v>3053</v>
      </c>
      <c r="B1287" s="224">
        <v>45995</v>
      </c>
      <c r="C1287" s="183" t="s">
        <v>95</v>
      </c>
      <c r="D1287" s="183" t="s">
        <v>96</v>
      </c>
      <c r="E1287" s="183">
        <v>31322832</v>
      </c>
      <c r="F1287" s="183" t="s">
        <v>3054</v>
      </c>
      <c r="G1287" s="201" t="s">
        <v>3055</v>
      </c>
      <c r="H1287" s="201" t="s">
        <v>3056</v>
      </c>
      <c r="I1287" s="183" t="s">
        <v>98</v>
      </c>
      <c r="J1287" s="183" t="s">
        <v>1695</v>
      </c>
    </row>
    <row r="1288" spans="1:10" x14ac:dyDescent="0.25">
      <c r="A1288" s="182" t="s">
        <v>3057</v>
      </c>
      <c r="B1288" s="224">
        <v>45994</v>
      </c>
      <c r="C1288" s="183" t="s">
        <v>110</v>
      </c>
      <c r="D1288" s="183" t="s">
        <v>111</v>
      </c>
      <c r="E1288" s="183">
        <v>35849436</v>
      </c>
      <c r="F1288" s="183" t="s">
        <v>3058</v>
      </c>
      <c r="G1288" s="201" t="s">
        <v>3059</v>
      </c>
      <c r="H1288" s="201" t="s">
        <v>3060</v>
      </c>
      <c r="I1288" s="183" t="s">
        <v>1695</v>
      </c>
      <c r="J1288" s="183">
        <v>3772025</v>
      </c>
    </row>
    <row r="1289" spans="1:10" x14ac:dyDescent="0.25">
      <c r="A1289" s="182" t="s">
        <v>3061</v>
      </c>
      <c r="B1289" s="224">
        <v>45995</v>
      </c>
      <c r="C1289" s="183" t="s">
        <v>2348</v>
      </c>
      <c r="D1289" s="183" t="s">
        <v>2349</v>
      </c>
      <c r="E1289" s="183">
        <v>36526312</v>
      </c>
      <c r="F1289" s="180" t="s">
        <v>3062</v>
      </c>
      <c r="G1289" s="201" t="s">
        <v>3051</v>
      </c>
      <c r="H1289" s="201" t="s">
        <v>3052</v>
      </c>
      <c r="I1289" s="183" t="s">
        <v>1695</v>
      </c>
      <c r="J1289" s="183">
        <v>3582025</v>
      </c>
    </row>
    <row r="1290" spans="1:10" x14ac:dyDescent="0.25">
      <c r="A1290" s="182" t="s">
        <v>3063</v>
      </c>
      <c r="B1290" s="224">
        <v>45995</v>
      </c>
      <c r="C1290" s="183" t="s">
        <v>3064</v>
      </c>
      <c r="D1290" s="183" t="s">
        <v>3065</v>
      </c>
      <c r="E1290" s="183">
        <v>36384593</v>
      </c>
      <c r="F1290" s="183" t="s">
        <v>3066</v>
      </c>
      <c r="G1290" s="201" t="s">
        <v>3067</v>
      </c>
      <c r="H1290" s="201" t="s">
        <v>3068</v>
      </c>
      <c r="I1290" s="183" t="s">
        <v>3069</v>
      </c>
      <c r="J1290" s="183">
        <v>3702025</v>
      </c>
    </row>
    <row r="1291" spans="1:10" x14ac:dyDescent="0.25">
      <c r="A1291" s="182" t="s">
        <v>3070</v>
      </c>
      <c r="B1291" s="224">
        <v>45995</v>
      </c>
      <c r="C1291" s="183" t="s">
        <v>2518</v>
      </c>
      <c r="D1291" s="183" t="s">
        <v>2519</v>
      </c>
      <c r="E1291" s="183">
        <v>36856592</v>
      </c>
      <c r="F1291" s="183" t="s">
        <v>3071</v>
      </c>
      <c r="G1291" s="201" t="s">
        <v>3072</v>
      </c>
      <c r="H1291" s="201" t="s">
        <v>3073</v>
      </c>
      <c r="I1291" s="183" t="s">
        <v>2521</v>
      </c>
      <c r="J1291" s="183">
        <v>2102025</v>
      </c>
    </row>
    <row r="1292" spans="1:10" x14ac:dyDescent="0.25">
      <c r="A1292" s="182" t="s">
        <v>3074</v>
      </c>
      <c r="B1292" s="224">
        <v>45995</v>
      </c>
      <c r="C1292" s="183" t="s">
        <v>182</v>
      </c>
      <c r="D1292" s="183" t="s">
        <v>183</v>
      </c>
      <c r="E1292" s="183">
        <v>48059528</v>
      </c>
      <c r="F1292" s="183" t="s">
        <v>3075</v>
      </c>
      <c r="G1292" s="201" t="s">
        <v>3076</v>
      </c>
      <c r="H1292" s="201" t="s">
        <v>3077</v>
      </c>
      <c r="I1292" s="183" t="s">
        <v>3078</v>
      </c>
      <c r="J1292" s="183" t="s">
        <v>1695</v>
      </c>
    </row>
    <row r="1293" spans="1:10" x14ac:dyDescent="0.25">
      <c r="A1293" s="182" t="s">
        <v>3079</v>
      </c>
      <c r="B1293" s="224">
        <v>45996</v>
      </c>
      <c r="C1293" s="183" t="s">
        <v>914</v>
      </c>
      <c r="D1293" s="183" t="s">
        <v>915</v>
      </c>
      <c r="E1293" s="183">
        <v>35752831</v>
      </c>
      <c r="F1293" s="183" t="s">
        <v>3080</v>
      </c>
      <c r="G1293" s="201" t="s">
        <v>3081</v>
      </c>
      <c r="H1293" s="201" t="s">
        <v>3082</v>
      </c>
      <c r="I1293" s="183" t="s">
        <v>917</v>
      </c>
      <c r="J1293" s="183" t="s">
        <v>1695</v>
      </c>
    </row>
    <row r="1294" spans="1:10" x14ac:dyDescent="0.25">
      <c r="A1294" s="182" t="s">
        <v>3083</v>
      </c>
      <c r="B1294" s="224">
        <v>45996</v>
      </c>
      <c r="C1294" s="183" t="s">
        <v>914</v>
      </c>
      <c r="D1294" s="183" t="s">
        <v>915</v>
      </c>
      <c r="E1294" s="183">
        <v>35752831</v>
      </c>
      <c r="F1294" s="183" t="s">
        <v>3084</v>
      </c>
      <c r="G1294" s="201" t="s">
        <v>3085</v>
      </c>
      <c r="H1294" s="201" t="s">
        <v>3086</v>
      </c>
      <c r="I1294" s="183" t="s">
        <v>2062</v>
      </c>
      <c r="J1294" s="183" t="s">
        <v>1695</v>
      </c>
    </row>
    <row r="1295" spans="1:10" x14ac:dyDescent="0.25">
      <c r="A1295" s="182" t="s">
        <v>3087</v>
      </c>
      <c r="B1295" s="224">
        <v>45996</v>
      </c>
      <c r="C1295" s="183" t="s">
        <v>3088</v>
      </c>
      <c r="D1295" s="183" t="s">
        <v>3089</v>
      </c>
      <c r="E1295" s="183">
        <v>44855206</v>
      </c>
      <c r="F1295" s="183" t="s">
        <v>3090</v>
      </c>
      <c r="G1295" s="201" t="s">
        <v>3091</v>
      </c>
      <c r="H1295" s="201" t="s">
        <v>3092</v>
      </c>
      <c r="I1295" s="183" t="s">
        <v>1695</v>
      </c>
      <c r="J1295" s="183">
        <v>3482025</v>
      </c>
    </row>
    <row r="1296" spans="1:10" x14ac:dyDescent="0.25">
      <c r="A1296" s="182" t="s">
        <v>3093</v>
      </c>
      <c r="B1296" s="224">
        <v>45996</v>
      </c>
      <c r="C1296" s="183" t="s">
        <v>2116</v>
      </c>
      <c r="D1296" s="191" t="s">
        <v>1680</v>
      </c>
      <c r="E1296" s="191">
        <v>57111499</v>
      </c>
      <c r="F1296" s="180" t="s">
        <v>3094</v>
      </c>
      <c r="G1296" s="201" t="s">
        <v>2629</v>
      </c>
      <c r="H1296" s="201" t="s">
        <v>2629</v>
      </c>
      <c r="I1296" s="183" t="s">
        <v>1695</v>
      </c>
      <c r="J1296" s="183">
        <v>3732025</v>
      </c>
    </row>
    <row r="1297" spans="1:10" x14ac:dyDescent="0.25">
      <c r="A1297" s="182" t="s">
        <v>3095</v>
      </c>
      <c r="B1297" s="224">
        <v>45999</v>
      </c>
      <c r="C1297" s="183" t="s">
        <v>302</v>
      </c>
      <c r="D1297" s="186" t="s">
        <v>1691</v>
      </c>
      <c r="E1297" s="186">
        <v>42156424</v>
      </c>
      <c r="F1297" s="183" t="s">
        <v>1692</v>
      </c>
      <c r="G1297" s="201" t="s">
        <v>2882</v>
      </c>
      <c r="H1297" s="201" t="s">
        <v>2883</v>
      </c>
      <c r="I1297" s="183" t="s">
        <v>1695</v>
      </c>
      <c r="J1297" s="183">
        <v>3672025</v>
      </c>
    </row>
    <row r="1298" spans="1:10" x14ac:dyDescent="0.25">
      <c r="A1298" s="182" t="s">
        <v>3096</v>
      </c>
      <c r="B1298" s="224">
        <v>45999</v>
      </c>
      <c r="C1298" s="183" t="s">
        <v>302</v>
      </c>
      <c r="D1298" s="183" t="s">
        <v>1691</v>
      </c>
      <c r="E1298" s="183">
        <v>42156424</v>
      </c>
      <c r="F1298" s="183" t="s">
        <v>2885</v>
      </c>
      <c r="G1298" s="201" t="s">
        <v>2886</v>
      </c>
      <c r="H1298" s="201" t="s">
        <v>2887</v>
      </c>
      <c r="I1298" s="183" t="s">
        <v>1695</v>
      </c>
      <c r="J1298" s="183">
        <v>3672025</v>
      </c>
    </row>
    <row r="1299" spans="1:10" x14ac:dyDescent="0.25">
      <c r="A1299" s="182" t="s">
        <v>3097</v>
      </c>
      <c r="B1299" s="224">
        <v>45999</v>
      </c>
      <c r="C1299" s="183" t="s">
        <v>3098</v>
      </c>
      <c r="D1299" s="183" t="s">
        <v>3099</v>
      </c>
      <c r="E1299" s="183">
        <v>54908159</v>
      </c>
      <c r="F1299" s="183" t="s">
        <v>3100</v>
      </c>
      <c r="G1299" s="201" t="s">
        <v>3101</v>
      </c>
      <c r="H1299" s="201" t="s">
        <v>3102</v>
      </c>
      <c r="I1299" s="183" t="s">
        <v>3103</v>
      </c>
      <c r="J1299" s="183" t="s">
        <v>1695</v>
      </c>
    </row>
    <row r="1300" spans="1:10" x14ac:dyDescent="0.25">
      <c r="A1300" s="182" t="s">
        <v>3104</v>
      </c>
      <c r="B1300" s="224">
        <v>45999</v>
      </c>
      <c r="C1300" s="183" t="s">
        <v>680</v>
      </c>
      <c r="D1300" s="180" t="s">
        <v>681</v>
      </c>
      <c r="E1300" s="180">
        <v>36679879</v>
      </c>
      <c r="F1300" s="180" t="s">
        <v>1268</v>
      </c>
      <c r="G1300" s="332" t="s">
        <v>3105</v>
      </c>
      <c r="H1300" s="332" t="s">
        <v>3106</v>
      </c>
      <c r="I1300" s="189" t="s">
        <v>1695</v>
      </c>
      <c r="J1300" s="183">
        <v>1282025</v>
      </c>
    </row>
    <row r="1301" spans="1:10" x14ac:dyDescent="0.25">
      <c r="A1301" s="182" t="s">
        <v>3107</v>
      </c>
      <c r="B1301" s="224">
        <v>45999</v>
      </c>
      <c r="C1301" s="183" t="s">
        <v>155</v>
      </c>
      <c r="D1301" s="191" t="s">
        <v>156</v>
      </c>
      <c r="E1301" s="191">
        <v>36687936</v>
      </c>
      <c r="F1301" s="180" t="s">
        <v>3108</v>
      </c>
      <c r="G1301" s="332" t="s">
        <v>3109</v>
      </c>
      <c r="H1301" s="332" t="s">
        <v>3110</v>
      </c>
      <c r="I1301" s="198" t="s">
        <v>3111</v>
      </c>
      <c r="J1301" s="185" t="s">
        <v>1695</v>
      </c>
    </row>
    <row r="1302" spans="1:10" x14ac:dyDescent="0.25">
      <c r="A1302" s="182" t="s">
        <v>3112</v>
      </c>
      <c r="B1302" s="224">
        <v>45999</v>
      </c>
      <c r="C1302" s="183" t="s">
        <v>155</v>
      </c>
      <c r="D1302" s="199" t="s">
        <v>156</v>
      </c>
      <c r="E1302" s="199">
        <v>36687936</v>
      </c>
      <c r="F1302" s="180" t="s">
        <v>3113</v>
      </c>
      <c r="G1302" s="332" t="s">
        <v>3114</v>
      </c>
      <c r="H1302" s="332" t="s">
        <v>3115</v>
      </c>
      <c r="I1302" s="198" t="s">
        <v>3111</v>
      </c>
      <c r="J1302" s="184" t="s">
        <v>1695</v>
      </c>
    </row>
    <row r="1303" spans="1:10" x14ac:dyDescent="0.25">
      <c r="A1303" s="182" t="s">
        <v>3116</v>
      </c>
      <c r="B1303" s="224">
        <v>45999</v>
      </c>
      <c r="C1303" s="183" t="s">
        <v>155</v>
      </c>
      <c r="D1303" s="199" t="s">
        <v>156</v>
      </c>
      <c r="E1303" s="199">
        <v>36687936</v>
      </c>
      <c r="F1303" s="183" t="s">
        <v>3117</v>
      </c>
      <c r="G1303" s="201" t="s">
        <v>3118</v>
      </c>
      <c r="H1303" s="201" t="s">
        <v>3119</v>
      </c>
      <c r="I1303" s="198" t="s">
        <v>3111</v>
      </c>
      <c r="J1303" s="183" t="s">
        <v>1695</v>
      </c>
    </row>
    <row r="1304" spans="1:10" x14ac:dyDescent="0.25">
      <c r="A1304" s="182" t="s">
        <v>3120</v>
      </c>
      <c r="B1304" s="224">
        <v>45999</v>
      </c>
      <c r="C1304" s="183" t="s">
        <v>155</v>
      </c>
      <c r="D1304" s="199" t="s">
        <v>156</v>
      </c>
      <c r="E1304" s="199">
        <v>36687936</v>
      </c>
      <c r="F1304" s="183" t="s">
        <v>3121</v>
      </c>
      <c r="G1304" s="201" t="s">
        <v>3122</v>
      </c>
      <c r="H1304" s="201" t="s">
        <v>3123</v>
      </c>
      <c r="I1304" s="198" t="s">
        <v>3111</v>
      </c>
      <c r="J1304" s="183" t="s">
        <v>1695</v>
      </c>
    </row>
    <row r="1305" spans="1:10" x14ac:dyDescent="0.25">
      <c r="A1305" s="182" t="s">
        <v>3124</v>
      </c>
      <c r="B1305" s="224">
        <v>45999</v>
      </c>
      <c r="C1305" s="183" t="s">
        <v>155</v>
      </c>
      <c r="D1305" s="199" t="s">
        <v>156</v>
      </c>
      <c r="E1305" s="199">
        <v>36687936</v>
      </c>
      <c r="F1305" s="183" t="s">
        <v>3125</v>
      </c>
      <c r="G1305" s="201" t="s">
        <v>3126</v>
      </c>
      <c r="H1305" s="201" t="s">
        <v>3127</v>
      </c>
      <c r="I1305" s="198" t="s">
        <v>3111</v>
      </c>
      <c r="J1305" s="183" t="s">
        <v>1695</v>
      </c>
    </row>
    <row r="1306" spans="1:10" x14ac:dyDescent="0.25">
      <c r="A1306" s="182" t="s">
        <v>3128</v>
      </c>
      <c r="B1306" s="224">
        <v>45999</v>
      </c>
      <c r="C1306" s="183" t="s">
        <v>1718</v>
      </c>
      <c r="D1306" s="186" t="s">
        <v>1719</v>
      </c>
      <c r="E1306" s="186">
        <v>45987726</v>
      </c>
      <c r="F1306" s="183" t="s">
        <v>3129</v>
      </c>
      <c r="G1306" s="201" t="s">
        <v>3130</v>
      </c>
      <c r="H1306" s="201" t="s">
        <v>3131</v>
      </c>
      <c r="I1306" s="183" t="s">
        <v>1721</v>
      </c>
      <c r="J1306" s="183">
        <v>3412025</v>
      </c>
    </row>
    <row r="1307" spans="1:10" x14ac:dyDescent="0.25">
      <c r="A1307" s="182" t="s">
        <v>3132</v>
      </c>
      <c r="B1307" s="224">
        <v>46000</v>
      </c>
      <c r="C1307" s="183" t="s">
        <v>455</v>
      </c>
      <c r="D1307" s="180" t="s">
        <v>607</v>
      </c>
      <c r="E1307" s="180">
        <v>31609058</v>
      </c>
      <c r="F1307" s="180" t="s">
        <v>3133</v>
      </c>
      <c r="G1307" s="201" t="s">
        <v>3134</v>
      </c>
      <c r="H1307" s="201" t="s">
        <v>3135</v>
      </c>
      <c r="I1307" s="183" t="s">
        <v>458</v>
      </c>
      <c r="J1307" s="183" t="s">
        <v>1695</v>
      </c>
    </row>
    <row r="1308" spans="1:10" x14ac:dyDescent="0.25">
      <c r="A1308" s="182" t="s">
        <v>3136</v>
      </c>
      <c r="B1308" s="224">
        <v>46000</v>
      </c>
      <c r="C1308" s="183" t="s">
        <v>455</v>
      </c>
      <c r="D1308" s="180" t="s">
        <v>607</v>
      </c>
      <c r="E1308" s="180">
        <v>31609058</v>
      </c>
      <c r="F1308" s="180" t="s">
        <v>3137</v>
      </c>
      <c r="G1308" s="332" t="s">
        <v>2633</v>
      </c>
      <c r="H1308" s="332" t="s">
        <v>2634</v>
      </c>
      <c r="I1308" s="180" t="s">
        <v>458</v>
      </c>
      <c r="J1308" s="180" t="s">
        <v>1695</v>
      </c>
    </row>
    <row r="1309" spans="1:10" x14ac:dyDescent="0.25">
      <c r="A1309" s="182" t="s">
        <v>3138</v>
      </c>
      <c r="B1309" s="224">
        <v>46000</v>
      </c>
      <c r="C1309" s="183" t="s">
        <v>455</v>
      </c>
      <c r="D1309" s="180" t="s">
        <v>607</v>
      </c>
      <c r="E1309" s="180">
        <v>31609058</v>
      </c>
      <c r="F1309" s="180" t="s">
        <v>3139</v>
      </c>
      <c r="G1309" s="201" t="s">
        <v>3140</v>
      </c>
      <c r="H1309" s="201" t="s">
        <v>3141</v>
      </c>
      <c r="I1309" s="183" t="s">
        <v>458</v>
      </c>
      <c r="J1309" s="183" t="s">
        <v>1695</v>
      </c>
    </row>
    <row r="1310" spans="1:10" x14ac:dyDescent="0.25">
      <c r="A1310" s="182" t="s">
        <v>3142</v>
      </c>
      <c r="B1310" s="224">
        <v>46006</v>
      </c>
      <c r="C1310" s="183" t="s">
        <v>3143</v>
      </c>
      <c r="D1310" s="183" t="s">
        <v>3144</v>
      </c>
      <c r="E1310" s="183">
        <v>35839228</v>
      </c>
      <c r="F1310" s="183" t="s">
        <v>3145</v>
      </c>
      <c r="G1310" s="201" t="s">
        <v>3146</v>
      </c>
      <c r="H1310" s="201" t="s">
        <v>3147</v>
      </c>
      <c r="I1310" s="183" t="s">
        <v>1695</v>
      </c>
      <c r="J1310" s="183">
        <v>3602025</v>
      </c>
    </row>
    <row r="1311" spans="1:10" x14ac:dyDescent="0.25">
      <c r="A1311" s="182" t="s">
        <v>3148</v>
      </c>
      <c r="B1311" s="224">
        <v>45999</v>
      </c>
      <c r="C1311" s="183" t="s">
        <v>546</v>
      </c>
      <c r="D1311" s="183" t="s">
        <v>2345</v>
      </c>
      <c r="E1311" s="183">
        <v>31402445</v>
      </c>
      <c r="F1311" s="183" t="s">
        <v>3149</v>
      </c>
      <c r="G1311" s="201" t="s">
        <v>3150</v>
      </c>
      <c r="H1311" s="201" t="s">
        <v>3151</v>
      </c>
      <c r="I1311" s="183" t="s">
        <v>549</v>
      </c>
      <c r="J1311" s="183" t="s">
        <v>1695</v>
      </c>
    </row>
    <row r="1312" spans="1:10" x14ac:dyDescent="0.25">
      <c r="A1312" s="182" t="s">
        <v>3152</v>
      </c>
      <c r="B1312" s="224">
        <v>45999</v>
      </c>
      <c r="C1312" s="183" t="s">
        <v>389</v>
      </c>
      <c r="D1312" s="183" t="s">
        <v>390</v>
      </c>
      <c r="E1312" s="183">
        <v>35900831</v>
      </c>
      <c r="F1312" s="183" t="s">
        <v>3153</v>
      </c>
      <c r="G1312" s="201" t="s">
        <v>3154</v>
      </c>
      <c r="H1312" s="201" t="s">
        <v>3155</v>
      </c>
      <c r="I1312" s="183" t="s">
        <v>1695</v>
      </c>
      <c r="J1312" s="183">
        <v>3552025</v>
      </c>
    </row>
    <row r="1313" spans="1:10" x14ac:dyDescent="0.25">
      <c r="A1313" s="182" t="s">
        <v>3156</v>
      </c>
      <c r="B1313" s="224">
        <v>45999</v>
      </c>
      <c r="C1313" s="183" t="s">
        <v>3157</v>
      </c>
      <c r="D1313" s="183" t="s">
        <v>3158</v>
      </c>
      <c r="E1313" s="183">
        <v>55606466</v>
      </c>
      <c r="F1313" s="183" t="s">
        <v>3159</v>
      </c>
      <c r="G1313" s="201" t="s">
        <v>3160</v>
      </c>
      <c r="H1313" s="201" t="s">
        <v>3161</v>
      </c>
      <c r="I1313" s="183" t="s">
        <v>1695</v>
      </c>
      <c r="J1313" s="183">
        <v>3642025</v>
      </c>
    </row>
    <row r="1314" spans="1:10" x14ac:dyDescent="0.25">
      <c r="A1314" s="182" t="s">
        <v>3162</v>
      </c>
      <c r="B1314" s="224">
        <v>46000</v>
      </c>
      <c r="C1314" s="183" t="s">
        <v>2033</v>
      </c>
      <c r="D1314" s="183" t="s">
        <v>1265</v>
      </c>
      <c r="E1314" s="183">
        <v>35722533</v>
      </c>
      <c r="F1314" s="183" t="s">
        <v>3163</v>
      </c>
      <c r="G1314" s="201" t="s">
        <v>3164</v>
      </c>
      <c r="H1314" s="201" t="s">
        <v>3165</v>
      </c>
      <c r="I1314" s="183" t="s">
        <v>3166</v>
      </c>
      <c r="J1314" s="183">
        <v>3662025</v>
      </c>
    </row>
    <row r="1315" spans="1:10" x14ac:dyDescent="0.25">
      <c r="A1315" s="182" t="s">
        <v>3167</v>
      </c>
      <c r="B1315" s="224">
        <v>46000</v>
      </c>
      <c r="C1315" s="183" t="s">
        <v>2033</v>
      </c>
      <c r="D1315" s="183" t="s">
        <v>1265</v>
      </c>
      <c r="E1315" s="183">
        <v>35722533</v>
      </c>
      <c r="F1315" s="183" t="s">
        <v>3168</v>
      </c>
      <c r="G1315" s="201" t="s">
        <v>3169</v>
      </c>
      <c r="H1315" s="201" t="s">
        <v>3170</v>
      </c>
      <c r="I1315" s="183" t="s">
        <v>18</v>
      </c>
      <c r="J1315" s="183">
        <v>1322025</v>
      </c>
    </row>
    <row r="1316" spans="1:10" x14ac:dyDescent="0.25">
      <c r="A1316" s="182" t="s">
        <v>3171</v>
      </c>
      <c r="B1316" s="224">
        <v>45995</v>
      </c>
      <c r="C1316" s="183" t="s">
        <v>3172</v>
      </c>
      <c r="D1316" s="183" t="s">
        <v>3173</v>
      </c>
      <c r="E1316" s="183">
        <v>56739648</v>
      </c>
      <c r="F1316" s="183" t="s">
        <v>3174</v>
      </c>
      <c r="G1316" s="201" t="s">
        <v>3175</v>
      </c>
      <c r="H1316" s="201" t="s">
        <v>3175</v>
      </c>
      <c r="I1316" s="183" t="s">
        <v>1695</v>
      </c>
      <c r="J1316" s="183">
        <v>3832025</v>
      </c>
    </row>
    <row r="1317" spans="1:10" x14ac:dyDescent="0.25">
      <c r="A1317" s="182" t="s">
        <v>3176</v>
      </c>
      <c r="B1317" s="224">
        <v>45999</v>
      </c>
      <c r="C1317" s="183" t="s">
        <v>3177</v>
      </c>
      <c r="D1317" s="180" t="s">
        <v>3178</v>
      </c>
      <c r="E1317" s="180">
        <v>36006769</v>
      </c>
      <c r="F1317" s="183" t="s">
        <v>3179</v>
      </c>
      <c r="G1317" s="201" t="s">
        <v>3180</v>
      </c>
      <c r="H1317" s="201" t="s">
        <v>3181</v>
      </c>
      <c r="I1317" s="183" t="s">
        <v>1695</v>
      </c>
      <c r="J1317" s="183">
        <v>3842025</v>
      </c>
    </row>
    <row r="1318" spans="1:10" x14ac:dyDescent="0.25">
      <c r="A1318" s="182" t="s">
        <v>3182</v>
      </c>
      <c r="B1318" s="224">
        <v>45999</v>
      </c>
      <c r="C1318" s="183" t="s">
        <v>1482</v>
      </c>
      <c r="D1318" s="180" t="s">
        <v>1483</v>
      </c>
      <c r="E1318" s="180">
        <v>31348653</v>
      </c>
      <c r="F1318" s="183" t="s">
        <v>3183</v>
      </c>
      <c r="G1318" s="201" t="s">
        <v>3184</v>
      </c>
      <c r="H1318" s="201" t="s">
        <v>3185</v>
      </c>
      <c r="I1318" s="183" t="s">
        <v>1485</v>
      </c>
      <c r="J1318" s="183">
        <v>3902025</v>
      </c>
    </row>
    <row r="1319" spans="1:10" x14ac:dyDescent="0.25">
      <c r="A1319" s="182" t="s">
        <v>3186</v>
      </c>
      <c r="B1319" s="224">
        <v>46002</v>
      </c>
      <c r="C1319" s="180" t="s">
        <v>187</v>
      </c>
      <c r="D1319" s="180" t="s">
        <v>188</v>
      </c>
      <c r="E1319" s="180">
        <v>35954612</v>
      </c>
      <c r="F1319" s="183" t="s">
        <v>3187</v>
      </c>
      <c r="G1319" s="201" t="s">
        <v>3188</v>
      </c>
      <c r="H1319" s="201" t="s">
        <v>3189</v>
      </c>
      <c r="I1319" s="189" t="s">
        <v>190</v>
      </c>
      <c r="J1319" s="180">
        <v>2762025</v>
      </c>
    </row>
    <row r="1320" spans="1:10" x14ac:dyDescent="0.25">
      <c r="A1320" s="182" t="s">
        <v>3190</v>
      </c>
      <c r="B1320" s="224">
        <v>46002</v>
      </c>
      <c r="C1320" s="180" t="s">
        <v>187</v>
      </c>
      <c r="D1320" s="180" t="s">
        <v>188</v>
      </c>
      <c r="E1320" s="180">
        <v>35954612</v>
      </c>
      <c r="F1320" s="183" t="s">
        <v>3191</v>
      </c>
      <c r="G1320" s="201" t="s">
        <v>3192</v>
      </c>
      <c r="H1320" s="201" t="s">
        <v>3193</v>
      </c>
      <c r="I1320" s="189" t="s">
        <v>190</v>
      </c>
      <c r="J1320" s="180">
        <v>2762025</v>
      </c>
    </row>
    <row r="1321" spans="1:10" x14ac:dyDescent="0.25">
      <c r="A1321" s="182" t="s">
        <v>3194</v>
      </c>
      <c r="B1321" s="224">
        <v>46002</v>
      </c>
      <c r="C1321" s="180" t="s">
        <v>187</v>
      </c>
      <c r="D1321" s="180" t="s">
        <v>188</v>
      </c>
      <c r="E1321" s="180">
        <v>35954612</v>
      </c>
      <c r="F1321" s="183" t="s">
        <v>3195</v>
      </c>
      <c r="G1321" s="201" t="s">
        <v>3196</v>
      </c>
      <c r="H1321" s="201" t="s">
        <v>3197</v>
      </c>
      <c r="I1321" s="189" t="s">
        <v>190</v>
      </c>
      <c r="J1321" s="180">
        <v>2762025</v>
      </c>
    </row>
    <row r="1322" spans="1:10" x14ac:dyDescent="0.25">
      <c r="A1322" s="182" t="s">
        <v>3198</v>
      </c>
      <c r="B1322" s="224">
        <v>46002</v>
      </c>
      <c r="C1322" s="180" t="s">
        <v>187</v>
      </c>
      <c r="D1322" s="180" t="s">
        <v>188</v>
      </c>
      <c r="E1322" s="180">
        <v>35954612</v>
      </c>
      <c r="F1322" s="183" t="s">
        <v>3199</v>
      </c>
      <c r="G1322" s="201" t="s">
        <v>3200</v>
      </c>
      <c r="H1322" s="201" t="s">
        <v>3201</v>
      </c>
      <c r="I1322" s="189" t="s">
        <v>190</v>
      </c>
      <c r="J1322" s="180">
        <v>2762025</v>
      </c>
    </row>
    <row r="1323" spans="1:10" x14ac:dyDescent="0.25">
      <c r="A1323" s="182" t="s">
        <v>3202</v>
      </c>
      <c r="B1323" s="224">
        <v>46002</v>
      </c>
      <c r="C1323" s="180" t="s">
        <v>187</v>
      </c>
      <c r="D1323" s="180" t="s">
        <v>188</v>
      </c>
      <c r="E1323" s="180">
        <v>35954612</v>
      </c>
      <c r="F1323" s="183" t="s">
        <v>3203</v>
      </c>
      <c r="G1323" s="201" t="s">
        <v>3204</v>
      </c>
      <c r="H1323" s="201" t="s">
        <v>3205</v>
      </c>
      <c r="I1323" s="189" t="s">
        <v>190</v>
      </c>
      <c r="J1323" s="180">
        <v>2762025</v>
      </c>
    </row>
    <row r="1324" spans="1:10" x14ac:dyDescent="0.25">
      <c r="A1324" s="182" t="s">
        <v>3206</v>
      </c>
      <c r="B1324" s="224">
        <v>46002</v>
      </c>
      <c r="C1324" s="180" t="s">
        <v>187</v>
      </c>
      <c r="D1324" s="180" t="s">
        <v>188</v>
      </c>
      <c r="E1324" s="180">
        <v>35954612</v>
      </c>
      <c r="F1324" s="183" t="s">
        <v>3207</v>
      </c>
      <c r="G1324" s="201" t="s">
        <v>3208</v>
      </c>
      <c r="H1324" s="201" t="s">
        <v>3209</v>
      </c>
      <c r="I1324" s="189" t="s">
        <v>190</v>
      </c>
      <c r="J1324" s="180">
        <v>2762025</v>
      </c>
    </row>
    <row r="1325" spans="1:10" x14ac:dyDescent="0.25">
      <c r="A1325" s="182" t="s">
        <v>3210</v>
      </c>
      <c r="B1325" s="224">
        <v>46002</v>
      </c>
      <c r="C1325" s="180" t="s">
        <v>187</v>
      </c>
      <c r="D1325" s="180" t="s">
        <v>188</v>
      </c>
      <c r="E1325" s="180">
        <v>35954612</v>
      </c>
      <c r="F1325" s="183" t="s">
        <v>3211</v>
      </c>
      <c r="G1325" s="201" t="s">
        <v>3212</v>
      </c>
      <c r="H1325" s="201" t="s">
        <v>3213</v>
      </c>
      <c r="I1325" s="189" t="s">
        <v>190</v>
      </c>
      <c r="J1325" s="180">
        <v>2762025</v>
      </c>
    </row>
    <row r="1326" spans="1:10" x14ac:dyDescent="0.25">
      <c r="A1326" s="182" t="s">
        <v>3214</v>
      </c>
      <c r="B1326" s="224">
        <v>46002</v>
      </c>
      <c r="C1326" s="180" t="s">
        <v>187</v>
      </c>
      <c r="D1326" s="180" t="s">
        <v>188</v>
      </c>
      <c r="E1326" s="180">
        <v>35954612</v>
      </c>
      <c r="F1326" s="183" t="s">
        <v>3215</v>
      </c>
      <c r="G1326" s="201" t="s">
        <v>3216</v>
      </c>
      <c r="H1326" s="201" t="s">
        <v>3217</v>
      </c>
      <c r="I1326" s="189" t="s">
        <v>190</v>
      </c>
      <c r="J1326" s="180">
        <v>2762025</v>
      </c>
    </row>
    <row r="1327" spans="1:10" x14ac:dyDescent="0.25">
      <c r="A1327" s="182" t="s">
        <v>3218</v>
      </c>
      <c r="B1327" s="224">
        <v>46002</v>
      </c>
      <c r="C1327" s="180" t="s">
        <v>187</v>
      </c>
      <c r="D1327" s="180" t="s">
        <v>188</v>
      </c>
      <c r="E1327" s="180">
        <v>35954612</v>
      </c>
      <c r="F1327" s="183" t="s">
        <v>3219</v>
      </c>
      <c r="G1327" s="201" t="s">
        <v>3220</v>
      </c>
      <c r="H1327" s="201" t="s">
        <v>3221</v>
      </c>
      <c r="I1327" s="189" t="s">
        <v>190</v>
      </c>
      <c r="J1327" s="180">
        <v>2762025</v>
      </c>
    </row>
    <row r="1328" spans="1:10" x14ac:dyDescent="0.25">
      <c r="A1328" s="182" t="s">
        <v>3222</v>
      </c>
      <c r="B1328" s="224">
        <v>46002</v>
      </c>
      <c r="C1328" s="180" t="s">
        <v>187</v>
      </c>
      <c r="D1328" s="180" t="s">
        <v>188</v>
      </c>
      <c r="E1328" s="180">
        <v>35954612</v>
      </c>
      <c r="F1328" s="183" t="s">
        <v>3223</v>
      </c>
      <c r="G1328" s="201" t="s">
        <v>3175</v>
      </c>
      <c r="H1328" s="201" t="s">
        <v>3224</v>
      </c>
      <c r="I1328" s="189" t="s">
        <v>223</v>
      </c>
      <c r="J1328" s="180">
        <v>2752025</v>
      </c>
    </row>
    <row r="1329" spans="1:10" x14ac:dyDescent="0.25">
      <c r="A1329" s="182" t="s">
        <v>3225</v>
      </c>
      <c r="B1329" s="224">
        <v>46002</v>
      </c>
      <c r="C1329" s="180" t="s">
        <v>187</v>
      </c>
      <c r="D1329" s="180" t="s">
        <v>188</v>
      </c>
      <c r="E1329" s="180">
        <v>35954612</v>
      </c>
      <c r="F1329" s="183" t="s">
        <v>3226</v>
      </c>
      <c r="G1329" s="201" t="s">
        <v>3227</v>
      </c>
      <c r="H1329" s="201" t="s">
        <v>3228</v>
      </c>
      <c r="I1329" s="189" t="s">
        <v>223</v>
      </c>
      <c r="J1329" s="180">
        <v>2752025</v>
      </c>
    </row>
    <row r="1330" spans="1:10" x14ac:dyDescent="0.25">
      <c r="A1330" s="182" t="s">
        <v>3229</v>
      </c>
      <c r="B1330" s="224">
        <v>46002</v>
      </c>
      <c r="C1330" s="180" t="s">
        <v>187</v>
      </c>
      <c r="D1330" s="180" t="s">
        <v>188</v>
      </c>
      <c r="E1330" s="180">
        <v>35954612</v>
      </c>
      <c r="F1330" s="183" t="s">
        <v>3230</v>
      </c>
      <c r="G1330" s="201" t="s">
        <v>3231</v>
      </c>
      <c r="H1330" s="201" t="s">
        <v>3232</v>
      </c>
      <c r="I1330" s="189" t="s">
        <v>223</v>
      </c>
      <c r="J1330" s="180">
        <v>2752025</v>
      </c>
    </row>
    <row r="1331" spans="1:10" x14ac:dyDescent="0.25">
      <c r="A1331" s="182" t="s">
        <v>3233</v>
      </c>
      <c r="B1331" s="224">
        <v>46002</v>
      </c>
      <c r="C1331" s="180" t="s">
        <v>187</v>
      </c>
      <c r="D1331" s="180" t="s">
        <v>188</v>
      </c>
      <c r="E1331" s="180">
        <v>35954612</v>
      </c>
      <c r="F1331" s="183" t="s">
        <v>3234</v>
      </c>
      <c r="G1331" s="201" t="s">
        <v>3235</v>
      </c>
      <c r="H1331" s="201" t="s">
        <v>3236</v>
      </c>
      <c r="I1331" s="189" t="s">
        <v>223</v>
      </c>
      <c r="J1331" s="180">
        <v>2752025</v>
      </c>
    </row>
    <row r="1332" spans="1:10" x14ac:dyDescent="0.25">
      <c r="A1332" s="182" t="s">
        <v>3237</v>
      </c>
      <c r="B1332" s="224">
        <v>46002</v>
      </c>
      <c r="C1332" s="180" t="s">
        <v>187</v>
      </c>
      <c r="D1332" s="180" t="s">
        <v>188</v>
      </c>
      <c r="E1332" s="180">
        <v>35954612</v>
      </c>
      <c r="F1332" s="183" t="s">
        <v>3238</v>
      </c>
      <c r="G1332" s="201" t="s">
        <v>3239</v>
      </c>
      <c r="H1332" s="201" t="s">
        <v>3240</v>
      </c>
      <c r="I1332" s="189" t="s">
        <v>223</v>
      </c>
      <c r="J1332" s="180">
        <v>2752025</v>
      </c>
    </row>
    <row r="1333" spans="1:10" x14ac:dyDescent="0.25">
      <c r="A1333" s="182" t="s">
        <v>3241</v>
      </c>
      <c r="B1333" s="224">
        <v>46002</v>
      </c>
      <c r="C1333" s="180" t="s">
        <v>187</v>
      </c>
      <c r="D1333" s="180" t="s">
        <v>188</v>
      </c>
      <c r="E1333" s="180">
        <v>35954612</v>
      </c>
      <c r="F1333" s="183" t="s">
        <v>3242</v>
      </c>
      <c r="G1333" s="201" t="s">
        <v>3243</v>
      </c>
      <c r="H1333" s="201" t="s">
        <v>3244</v>
      </c>
      <c r="I1333" s="189" t="s">
        <v>223</v>
      </c>
      <c r="J1333" s="180">
        <v>2752025</v>
      </c>
    </row>
    <row r="1334" spans="1:10" x14ac:dyDescent="0.25">
      <c r="A1334" s="182" t="s">
        <v>3245</v>
      </c>
      <c r="B1334" s="224">
        <v>46002</v>
      </c>
      <c r="C1334" s="180" t="s">
        <v>187</v>
      </c>
      <c r="D1334" s="180" t="s">
        <v>188</v>
      </c>
      <c r="E1334" s="180">
        <v>35954612</v>
      </c>
      <c r="F1334" s="183" t="s">
        <v>3246</v>
      </c>
      <c r="G1334" s="201" t="s">
        <v>3247</v>
      </c>
      <c r="H1334" s="201" t="s">
        <v>3248</v>
      </c>
      <c r="I1334" s="189" t="s">
        <v>223</v>
      </c>
      <c r="J1334" s="180">
        <v>2752025</v>
      </c>
    </row>
    <row r="1335" spans="1:10" x14ac:dyDescent="0.25">
      <c r="A1335" s="182" t="s">
        <v>3249</v>
      </c>
      <c r="B1335" s="224">
        <v>46002</v>
      </c>
      <c r="C1335" s="180" t="s">
        <v>187</v>
      </c>
      <c r="D1335" s="180" t="s">
        <v>188</v>
      </c>
      <c r="E1335" s="180">
        <v>35954612</v>
      </c>
      <c r="F1335" s="183" t="s">
        <v>3250</v>
      </c>
      <c r="G1335" s="201" t="s">
        <v>3251</v>
      </c>
      <c r="H1335" s="201" t="s">
        <v>3252</v>
      </c>
      <c r="I1335" s="189" t="s">
        <v>223</v>
      </c>
      <c r="J1335" s="180">
        <v>2752025</v>
      </c>
    </row>
    <row r="1336" spans="1:10" x14ac:dyDescent="0.25">
      <c r="A1336" s="182" t="s">
        <v>3253</v>
      </c>
      <c r="B1336" s="224">
        <v>46002</v>
      </c>
      <c r="C1336" s="180" t="s">
        <v>187</v>
      </c>
      <c r="D1336" s="180" t="s">
        <v>188</v>
      </c>
      <c r="E1336" s="180">
        <v>35954612</v>
      </c>
      <c r="F1336" s="183" t="s">
        <v>3254</v>
      </c>
      <c r="G1336" s="201" t="s">
        <v>3255</v>
      </c>
      <c r="H1336" s="201" t="s">
        <v>3256</v>
      </c>
      <c r="I1336" s="189" t="s">
        <v>223</v>
      </c>
      <c r="J1336" s="180">
        <v>2752025</v>
      </c>
    </row>
    <row r="1337" spans="1:10" x14ac:dyDescent="0.25">
      <c r="A1337" s="182" t="s">
        <v>3257</v>
      </c>
      <c r="B1337" s="224">
        <v>46002</v>
      </c>
      <c r="C1337" s="180" t="s">
        <v>187</v>
      </c>
      <c r="D1337" s="180" t="s">
        <v>188</v>
      </c>
      <c r="E1337" s="180">
        <v>35954612</v>
      </c>
      <c r="F1337" s="183" t="s">
        <v>3258</v>
      </c>
      <c r="G1337" s="201" t="s">
        <v>3259</v>
      </c>
      <c r="H1337" s="201" t="s">
        <v>3260</v>
      </c>
      <c r="I1337" s="189" t="s">
        <v>223</v>
      </c>
      <c r="J1337" s="180">
        <v>2752025</v>
      </c>
    </row>
    <row r="1338" spans="1:10" x14ac:dyDescent="0.25">
      <c r="A1338" s="182" t="s">
        <v>3261</v>
      </c>
      <c r="B1338" s="224">
        <v>45994</v>
      </c>
      <c r="C1338" s="183" t="s">
        <v>2085</v>
      </c>
      <c r="D1338" s="180" t="s">
        <v>2050</v>
      </c>
      <c r="E1338" s="180">
        <v>47259116</v>
      </c>
      <c r="F1338" s="183" t="s">
        <v>3262</v>
      </c>
      <c r="G1338" s="201" t="s">
        <v>3263</v>
      </c>
      <c r="H1338" s="201" t="s">
        <v>3264</v>
      </c>
      <c r="I1338" s="183" t="s">
        <v>2087</v>
      </c>
      <c r="J1338" s="183" t="s">
        <v>1695</v>
      </c>
    </row>
    <row r="1339" spans="1:10" x14ac:dyDescent="0.25">
      <c r="A1339" s="182" t="s">
        <v>3265</v>
      </c>
      <c r="B1339" s="224">
        <v>46001</v>
      </c>
      <c r="C1339" s="183" t="s">
        <v>171</v>
      </c>
      <c r="D1339" s="180" t="s">
        <v>369</v>
      </c>
      <c r="E1339" s="180">
        <v>35889063</v>
      </c>
      <c r="F1339" s="183" t="s">
        <v>3266</v>
      </c>
      <c r="G1339" s="201" t="s">
        <v>3267</v>
      </c>
      <c r="H1339" s="201" t="s">
        <v>3268</v>
      </c>
      <c r="I1339" s="183" t="s">
        <v>1695</v>
      </c>
      <c r="J1339" s="183">
        <v>1832025</v>
      </c>
    </row>
    <row r="1340" spans="1:10" x14ac:dyDescent="0.25">
      <c r="A1340" s="182" t="s">
        <v>3269</v>
      </c>
      <c r="B1340" s="224">
        <v>46001</v>
      </c>
      <c r="C1340" s="183" t="s">
        <v>621</v>
      </c>
      <c r="D1340" s="180" t="s">
        <v>622</v>
      </c>
      <c r="E1340" s="180">
        <v>36404136</v>
      </c>
      <c r="F1340" s="180" t="s">
        <v>3270</v>
      </c>
      <c r="G1340" s="332" t="s">
        <v>3271</v>
      </c>
      <c r="H1340" s="332" t="s">
        <v>3272</v>
      </c>
      <c r="I1340" s="198" t="s">
        <v>624</v>
      </c>
      <c r="J1340" s="180" t="s">
        <v>1695</v>
      </c>
    </row>
    <row r="1341" spans="1:10" x14ac:dyDescent="0.25">
      <c r="A1341" s="182" t="s">
        <v>3273</v>
      </c>
      <c r="B1341" s="224">
        <v>46001</v>
      </c>
      <c r="C1341" s="183" t="s">
        <v>621</v>
      </c>
      <c r="D1341" s="180" t="s">
        <v>622</v>
      </c>
      <c r="E1341" s="180">
        <v>36404136</v>
      </c>
      <c r="F1341" s="180" t="s">
        <v>3274</v>
      </c>
      <c r="G1341" s="332" t="s">
        <v>3275</v>
      </c>
      <c r="H1341" s="332" t="s">
        <v>3275</v>
      </c>
      <c r="I1341" s="198" t="s">
        <v>624</v>
      </c>
      <c r="J1341" s="180" t="s">
        <v>1695</v>
      </c>
    </row>
    <row r="1342" spans="1:10" x14ac:dyDescent="0.25">
      <c r="A1342" s="182" t="s">
        <v>3276</v>
      </c>
      <c r="B1342" s="224">
        <v>46001</v>
      </c>
      <c r="C1342" s="183" t="s">
        <v>621</v>
      </c>
      <c r="D1342" s="180" t="s">
        <v>622</v>
      </c>
      <c r="E1342" s="180">
        <v>36404136</v>
      </c>
      <c r="F1342" s="180" t="s">
        <v>3277</v>
      </c>
      <c r="G1342" s="332" t="s">
        <v>3278</v>
      </c>
      <c r="H1342" s="332" t="s">
        <v>3279</v>
      </c>
      <c r="I1342" s="198" t="s">
        <v>624</v>
      </c>
      <c r="J1342" s="180" t="s">
        <v>1695</v>
      </c>
    </row>
    <row r="1343" spans="1:10" x14ac:dyDescent="0.25">
      <c r="A1343" s="182" t="s">
        <v>3280</v>
      </c>
      <c r="B1343" s="224">
        <v>46002</v>
      </c>
      <c r="C1343" s="183" t="s">
        <v>455</v>
      </c>
      <c r="D1343" s="180" t="s">
        <v>607</v>
      </c>
      <c r="E1343" s="180">
        <v>31609058</v>
      </c>
      <c r="F1343" s="180" t="s">
        <v>3281</v>
      </c>
      <c r="G1343" s="332" t="s">
        <v>2633</v>
      </c>
      <c r="H1343" s="332" t="s">
        <v>2634</v>
      </c>
      <c r="I1343" s="180" t="s">
        <v>458</v>
      </c>
      <c r="J1343" s="180" t="s">
        <v>1695</v>
      </c>
    </row>
    <row r="1344" spans="1:10" x14ac:dyDescent="0.25">
      <c r="A1344" s="182" t="s">
        <v>3282</v>
      </c>
      <c r="B1344" s="224">
        <v>46002</v>
      </c>
      <c r="C1344" s="183" t="s">
        <v>455</v>
      </c>
      <c r="D1344" s="180" t="s">
        <v>607</v>
      </c>
      <c r="E1344" s="180">
        <v>31609058</v>
      </c>
      <c r="F1344" s="183" t="s">
        <v>2971</v>
      </c>
      <c r="G1344" s="201" t="s">
        <v>3283</v>
      </c>
      <c r="H1344" s="201" t="s">
        <v>3284</v>
      </c>
      <c r="I1344" s="183" t="s">
        <v>1695</v>
      </c>
      <c r="J1344" s="183">
        <v>3472025</v>
      </c>
    </row>
    <row r="1345" spans="1:10" x14ac:dyDescent="0.25">
      <c r="A1345" s="182" t="s">
        <v>3285</v>
      </c>
      <c r="B1345" s="224">
        <v>46001</v>
      </c>
      <c r="C1345" s="183" t="s">
        <v>122</v>
      </c>
      <c r="D1345" s="180" t="s">
        <v>123</v>
      </c>
      <c r="E1345" s="180">
        <v>46921931</v>
      </c>
      <c r="F1345" s="183" t="s">
        <v>3286</v>
      </c>
      <c r="G1345" s="201" t="s">
        <v>3287</v>
      </c>
      <c r="H1345" s="201" t="s">
        <v>3288</v>
      </c>
      <c r="I1345" s="192" t="s">
        <v>2804</v>
      </c>
      <c r="J1345" s="182">
        <v>3492025</v>
      </c>
    </row>
    <row r="1346" spans="1:10" x14ac:dyDescent="0.25">
      <c r="A1346" s="182" t="s">
        <v>3289</v>
      </c>
      <c r="B1346" s="224">
        <v>46002</v>
      </c>
      <c r="C1346" s="183" t="s">
        <v>122</v>
      </c>
      <c r="D1346" s="180" t="s">
        <v>123</v>
      </c>
      <c r="E1346" s="180">
        <v>46921931</v>
      </c>
      <c r="F1346" s="180" t="s">
        <v>2213</v>
      </c>
      <c r="G1346" s="201" t="s">
        <v>3290</v>
      </c>
      <c r="H1346" s="201" t="s">
        <v>3291</v>
      </c>
      <c r="I1346" s="192" t="s">
        <v>2804</v>
      </c>
      <c r="J1346" s="182">
        <v>3442025</v>
      </c>
    </row>
    <row r="1347" spans="1:10" x14ac:dyDescent="0.25">
      <c r="A1347" s="182" t="s">
        <v>3292</v>
      </c>
      <c r="B1347" s="224">
        <v>46002</v>
      </c>
      <c r="C1347" s="183" t="s">
        <v>3293</v>
      </c>
      <c r="D1347" s="183" t="s">
        <v>3294</v>
      </c>
      <c r="E1347" s="183">
        <v>51328615</v>
      </c>
      <c r="F1347" s="183" t="s">
        <v>3295</v>
      </c>
      <c r="G1347" s="201" t="s">
        <v>3296</v>
      </c>
      <c r="H1347" s="201" t="s">
        <v>3296</v>
      </c>
      <c r="I1347" s="183" t="s">
        <v>1695</v>
      </c>
      <c r="J1347" s="183">
        <v>3952025</v>
      </c>
    </row>
    <row r="1348" spans="1:10" x14ac:dyDescent="0.25">
      <c r="A1348" s="182" t="s">
        <v>3297</v>
      </c>
      <c r="B1348" s="224">
        <v>46002</v>
      </c>
      <c r="C1348" s="183" t="s">
        <v>177</v>
      </c>
      <c r="D1348" s="183" t="s">
        <v>178</v>
      </c>
      <c r="E1348" s="183">
        <v>53528654</v>
      </c>
      <c r="F1348" s="183" t="s">
        <v>3298</v>
      </c>
      <c r="G1348" s="201" t="s">
        <v>3299</v>
      </c>
      <c r="H1348" s="201" t="s">
        <v>3299</v>
      </c>
      <c r="I1348" s="183" t="s">
        <v>1902</v>
      </c>
      <c r="J1348" s="183">
        <v>3932025</v>
      </c>
    </row>
    <row r="1349" spans="1:10" x14ac:dyDescent="0.25">
      <c r="A1349" s="182" t="s">
        <v>3300</v>
      </c>
      <c r="B1349" s="224">
        <v>46002</v>
      </c>
      <c r="C1349" s="183" t="s">
        <v>302</v>
      </c>
      <c r="D1349" s="183" t="s">
        <v>1691</v>
      </c>
      <c r="E1349" s="183">
        <v>42156424</v>
      </c>
      <c r="F1349" s="183" t="s">
        <v>1692</v>
      </c>
      <c r="G1349" s="201" t="s">
        <v>2882</v>
      </c>
      <c r="H1349" s="201" t="s">
        <v>2883</v>
      </c>
      <c r="I1349" s="183" t="s">
        <v>1695</v>
      </c>
      <c r="J1349" s="183">
        <v>3112025</v>
      </c>
    </row>
    <row r="1350" spans="1:10" x14ac:dyDescent="0.25">
      <c r="A1350" s="182" t="s">
        <v>3301</v>
      </c>
      <c r="B1350" s="224">
        <v>46002</v>
      </c>
      <c r="C1350" s="183" t="s">
        <v>302</v>
      </c>
      <c r="D1350" s="183" t="s">
        <v>1691</v>
      </c>
      <c r="E1350" s="183">
        <v>42156424</v>
      </c>
      <c r="F1350" s="183" t="s">
        <v>3302</v>
      </c>
      <c r="G1350" s="201" t="s">
        <v>3303</v>
      </c>
      <c r="H1350" s="201" t="s">
        <v>3304</v>
      </c>
      <c r="I1350" s="183" t="s">
        <v>1695</v>
      </c>
      <c r="J1350" s="183">
        <v>3112025</v>
      </c>
    </row>
    <row r="1351" spans="1:10" x14ac:dyDescent="0.25">
      <c r="A1351" s="182" t="s">
        <v>3305</v>
      </c>
      <c r="B1351" s="224">
        <v>46001</v>
      </c>
      <c r="C1351" s="183" t="s">
        <v>302</v>
      </c>
      <c r="D1351" s="183" t="s">
        <v>1691</v>
      </c>
      <c r="E1351" s="183">
        <v>42156424</v>
      </c>
      <c r="F1351" s="183" t="s">
        <v>3306</v>
      </c>
      <c r="G1351" s="201" t="s">
        <v>3307</v>
      </c>
      <c r="H1351" s="201" t="s">
        <v>3308</v>
      </c>
      <c r="I1351" s="183" t="s">
        <v>1792</v>
      </c>
      <c r="J1351" s="183" t="s">
        <v>1695</v>
      </c>
    </row>
    <row r="1352" spans="1:10" x14ac:dyDescent="0.25">
      <c r="A1352" s="182" t="s">
        <v>3309</v>
      </c>
      <c r="B1352" s="224">
        <v>46001</v>
      </c>
      <c r="C1352" s="183" t="s">
        <v>668</v>
      </c>
      <c r="D1352" s="180" t="s">
        <v>669</v>
      </c>
      <c r="E1352" s="180">
        <v>42137004</v>
      </c>
      <c r="F1352" s="183" t="s">
        <v>3310</v>
      </c>
      <c r="G1352" s="201" t="s">
        <v>3311</v>
      </c>
      <c r="H1352" s="201" t="s">
        <v>3312</v>
      </c>
      <c r="I1352" s="183" t="s">
        <v>1695</v>
      </c>
      <c r="J1352" s="183">
        <v>3462025</v>
      </c>
    </row>
    <row r="1353" spans="1:10" x14ac:dyDescent="0.25">
      <c r="A1353" s="182" t="s">
        <v>3313</v>
      </c>
      <c r="B1353" s="224">
        <v>46002</v>
      </c>
      <c r="C1353" s="183" t="s">
        <v>707</v>
      </c>
      <c r="D1353" s="183" t="s">
        <v>31</v>
      </c>
      <c r="E1353" s="194">
        <v>36287229</v>
      </c>
      <c r="F1353" s="182" t="s">
        <v>3314</v>
      </c>
      <c r="G1353" s="201" t="s">
        <v>3315</v>
      </c>
      <c r="H1353" s="201" t="s">
        <v>3316</v>
      </c>
      <c r="I1353" s="183" t="s">
        <v>1695</v>
      </c>
      <c r="J1353" s="183">
        <v>3942025</v>
      </c>
    </row>
    <row r="1354" spans="1:10" x14ac:dyDescent="0.25">
      <c r="A1354" s="182" t="s">
        <v>3317</v>
      </c>
      <c r="B1354" s="224">
        <v>46001</v>
      </c>
      <c r="C1354" s="183" t="s">
        <v>707</v>
      </c>
      <c r="D1354" s="183" t="s">
        <v>31</v>
      </c>
      <c r="E1354" s="194">
        <v>36287229</v>
      </c>
      <c r="F1354" s="182" t="s">
        <v>3318</v>
      </c>
      <c r="G1354" s="201" t="s">
        <v>3315</v>
      </c>
      <c r="H1354" s="201" t="s">
        <v>3316</v>
      </c>
      <c r="I1354" s="183" t="s">
        <v>1695</v>
      </c>
      <c r="J1354" s="183">
        <v>3802025</v>
      </c>
    </row>
    <row r="1355" spans="1:10" x14ac:dyDescent="0.25">
      <c r="A1355" s="182" t="s">
        <v>3319</v>
      </c>
      <c r="B1355" s="224">
        <v>46002</v>
      </c>
      <c r="C1355" s="183" t="s">
        <v>2825</v>
      </c>
      <c r="D1355" s="183" t="s">
        <v>2826</v>
      </c>
      <c r="E1355" s="183">
        <v>30856108</v>
      </c>
      <c r="F1355" s="183" t="s">
        <v>3050</v>
      </c>
      <c r="G1355" s="201" t="s">
        <v>3320</v>
      </c>
      <c r="H1355" s="201" t="s">
        <v>3321</v>
      </c>
      <c r="I1355" s="183" t="s">
        <v>2830</v>
      </c>
      <c r="J1355" s="183">
        <v>3372025</v>
      </c>
    </row>
    <row r="1356" spans="1:10" x14ac:dyDescent="0.25">
      <c r="A1356" s="182" t="s">
        <v>3322</v>
      </c>
      <c r="B1356" s="224">
        <v>46001</v>
      </c>
      <c r="C1356" s="183" t="s">
        <v>599</v>
      </c>
      <c r="D1356" s="183" t="s">
        <v>1803</v>
      </c>
      <c r="E1356" s="183">
        <v>36562939</v>
      </c>
      <c r="F1356" s="189" t="s">
        <v>3323</v>
      </c>
      <c r="G1356" s="201" t="s">
        <v>3324</v>
      </c>
      <c r="H1356" s="201" t="s">
        <v>3325</v>
      </c>
      <c r="I1356" s="183" t="s">
        <v>3326</v>
      </c>
      <c r="J1356" s="183" t="s">
        <v>1695</v>
      </c>
    </row>
    <row r="1357" spans="1:10" x14ac:dyDescent="0.25">
      <c r="A1357" s="182" t="s">
        <v>3327</v>
      </c>
      <c r="B1357" s="224">
        <v>46002</v>
      </c>
      <c r="C1357" s="183" t="s">
        <v>599</v>
      </c>
      <c r="D1357" s="183" t="s">
        <v>1803</v>
      </c>
      <c r="E1357" s="183">
        <v>36562939</v>
      </c>
      <c r="F1357" s="189" t="s">
        <v>3328</v>
      </c>
      <c r="G1357" s="201" t="s">
        <v>3329</v>
      </c>
      <c r="H1357" s="201" t="s">
        <v>3330</v>
      </c>
      <c r="I1357" s="183" t="s">
        <v>3331</v>
      </c>
      <c r="J1357" s="183" t="s">
        <v>1695</v>
      </c>
    </row>
    <row r="1358" spans="1:10" x14ac:dyDescent="0.25">
      <c r="A1358" s="182" t="s">
        <v>3332</v>
      </c>
      <c r="B1358" s="224">
        <v>46002</v>
      </c>
      <c r="C1358" s="183" t="s">
        <v>729</v>
      </c>
      <c r="D1358" s="183" t="s">
        <v>730</v>
      </c>
      <c r="E1358" s="183">
        <v>31396623</v>
      </c>
      <c r="F1358" s="183" t="s">
        <v>3333</v>
      </c>
      <c r="G1358" s="201" t="s">
        <v>3334</v>
      </c>
      <c r="H1358" s="201" t="s">
        <v>3335</v>
      </c>
      <c r="I1358" s="183" t="s">
        <v>1695</v>
      </c>
      <c r="J1358" s="183">
        <v>3422025</v>
      </c>
    </row>
    <row r="1359" spans="1:10" x14ac:dyDescent="0.25">
      <c r="A1359" s="182" t="s">
        <v>3336</v>
      </c>
      <c r="B1359" s="224">
        <v>46002</v>
      </c>
      <c r="C1359" s="183" t="s">
        <v>389</v>
      </c>
      <c r="D1359" s="183" t="s">
        <v>390</v>
      </c>
      <c r="E1359" s="183">
        <v>35900831</v>
      </c>
      <c r="F1359" s="183" t="s">
        <v>3337</v>
      </c>
      <c r="G1359" s="201" t="s">
        <v>3338</v>
      </c>
      <c r="H1359" s="201" t="s">
        <v>3339</v>
      </c>
      <c r="I1359" s="183" t="s">
        <v>1695</v>
      </c>
      <c r="J1359" s="183">
        <v>3192025</v>
      </c>
    </row>
    <row r="1360" spans="1:10" x14ac:dyDescent="0.25">
      <c r="A1360" s="182" t="s">
        <v>3340</v>
      </c>
      <c r="B1360" s="224">
        <v>46003</v>
      </c>
      <c r="C1360" s="183" t="s">
        <v>3341</v>
      </c>
      <c r="D1360" s="183" t="s">
        <v>3342</v>
      </c>
      <c r="E1360" s="183">
        <v>52158349</v>
      </c>
      <c r="F1360" s="183" t="s">
        <v>3343</v>
      </c>
      <c r="G1360" s="201" t="s">
        <v>3344</v>
      </c>
      <c r="H1360" s="201" t="s">
        <v>3345</v>
      </c>
      <c r="I1360" s="191" t="s">
        <v>3346</v>
      </c>
      <c r="J1360" s="183" t="s">
        <v>1695</v>
      </c>
    </row>
    <row r="1361" spans="1:10" x14ac:dyDescent="0.25">
      <c r="A1361" s="182" t="s">
        <v>3347</v>
      </c>
      <c r="B1361" s="224">
        <v>46002</v>
      </c>
      <c r="C1361" s="183" t="s">
        <v>389</v>
      </c>
      <c r="D1361" s="183" t="s">
        <v>390</v>
      </c>
      <c r="E1361" s="183">
        <v>35900831</v>
      </c>
      <c r="F1361" s="183" t="s">
        <v>3348</v>
      </c>
      <c r="G1361" s="201" t="s">
        <v>2956</v>
      </c>
      <c r="H1361" s="201" t="s">
        <v>2957</v>
      </c>
      <c r="I1361" s="186" t="s">
        <v>1695</v>
      </c>
      <c r="J1361" s="183">
        <v>3742025</v>
      </c>
    </row>
    <row r="1362" spans="1:10" x14ac:dyDescent="0.25">
      <c r="A1362" s="182" t="s">
        <v>3349</v>
      </c>
      <c r="B1362" s="224">
        <v>45968</v>
      </c>
      <c r="C1362" s="183" t="s">
        <v>241</v>
      </c>
      <c r="D1362" s="183" t="s">
        <v>242</v>
      </c>
      <c r="E1362" s="183">
        <v>36631124</v>
      </c>
      <c r="F1362" s="183" t="s">
        <v>3350</v>
      </c>
      <c r="G1362" s="201" t="s">
        <v>3351</v>
      </c>
      <c r="H1362" s="201" t="s">
        <v>3351</v>
      </c>
      <c r="I1362" s="189" t="s">
        <v>611</v>
      </c>
      <c r="J1362" s="183" t="s">
        <v>1695</v>
      </c>
    </row>
    <row r="1363" spans="1:10" x14ac:dyDescent="0.25">
      <c r="A1363" s="182" t="s">
        <v>3352</v>
      </c>
      <c r="B1363" s="224">
        <v>46001</v>
      </c>
      <c r="C1363" s="183" t="s">
        <v>241</v>
      </c>
      <c r="D1363" s="180" t="s">
        <v>242</v>
      </c>
      <c r="E1363" s="180">
        <v>36631124</v>
      </c>
      <c r="F1363" s="180" t="s">
        <v>3353</v>
      </c>
      <c r="G1363" s="201" t="s">
        <v>3354</v>
      </c>
      <c r="H1363" s="201" t="s">
        <v>3355</v>
      </c>
      <c r="I1363" s="183" t="s">
        <v>611</v>
      </c>
      <c r="J1363" s="183" t="s">
        <v>1695</v>
      </c>
    </row>
    <row r="1364" spans="1:10" x14ac:dyDescent="0.25">
      <c r="A1364" s="182" t="s">
        <v>3356</v>
      </c>
      <c r="B1364" s="224">
        <v>46006</v>
      </c>
      <c r="C1364" s="183" t="s">
        <v>1482</v>
      </c>
      <c r="D1364" s="180" t="s">
        <v>1483</v>
      </c>
      <c r="E1364" s="180">
        <v>31348653</v>
      </c>
      <c r="F1364" s="183" t="s">
        <v>3357</v>
      </c>
      <c r="G1364" s="201" t="s">
        <v>3358</v>
      </c>
      <c r="H1364" s="201" t="s">
        <v>3359</v>
      </c>
      <c r="I1364" s="183" t="s">
        <v>1485</v>
      </c>
      <c r="J1364" s="183" t="s">
        <v>1695</v>
      </c>
    </row>
    <row r="1365" spans="1:10" x14ac:dyDescent="0.25">
      <c r="A1365" s="182" t="s">
        <v>3360</v>
      </c>
      <c r="B1365" s="224">
        <v>46006</v>
      </c>
      <c r="C1365" s="183" t="s">
        <v>3361</v>
      </c>
      <c r="D1365" s="183" t="s">
        <v>3362</v>
      </c>
      <c r="E1365" s="183">
        <v>35955678</v>
      </c>
      <c r="F1365" s="183" t="s">
        <v>3363</v>
      </c>
      <c r="G1365" s="201" t="s">
        <v>3364</v>
      </c>
      <c r="H1365" s="201" t="s">
        <v>3365</v>
      </c>
      <c r="I1365" s="183" t="s">
        <v>3366</v>
      </c>
      <c r="J1365" s="183" t="s">
        <v>1695</v>
      </c>
    </row>
    <row r="1366" spans="1:10" x14ac:dyDescent="0.25">
      <c r="A1366" s="182" t="s">
        <v>3367</v>
      </c>
      <c r="B1366" s="224">
        <v>46006</v>
      </c>
      <c r="C1366" s="183" t="s">
        <v>3361</v>
      </c>
      <c r="D1366" s="183" t="s">
        <v>3362</v>
      </c>
      <c r="E1366" s="183">
        <v>35955678</v>
      </c>
      <c r="F1366" s="183" t="s">
        <v>3368</v>
      </c>
      <c r="G1366" s="201" t="s">
        <v>3369</v>
      </c>
      <c r="H1366" s="201" t="s">
        <v>3370</v>
      </c>
      <c r="I1366" s="183" t="s">
        <v>3371</v>
      </c>
      <c r="J1366" s="183" t="s">
        <v>1695</v>
      </c>
    </row>
    <row r="1367" spans="1:10" x14ac:dyDescent="0.25">
      <c r="A1367" s="182" t="s">
        <v>3372</v>
      </c>
      <c r="B1367" s="224">
        <v>46006</v>
      </c>
      <c r="C1367" s="183" t="s">
        <v>3361</v>
      </c>
      <c r="D1367" s="183" t="s">
        <v>3362</v>
      </c>
      <c r="E1367" s="183">
        <v>35955678</v>
      </c>
      <c r="F1367" s="183" t="s">
        <v>3373</v>
      </c>
      <c r="G1367" s="201" t="s">
        <v>3374</v>
      </c>
      <c r="H1367" s="201" t="s">
        <v>3375</v>
      </c>
      <c r="I1367" s="183" t="s">
        <v>3371</v>
      </c>
      <c r="J1367" s="183" t="s">
        <v>1695</v>
      </c>
    </row>
    <row r="1368" spans="1:10" x14ac:dyDescent="0.25">
      <c r="A1368" s="182" t="s">
        <v>3376</v>
      </c>
      <c r="B1368" s="224">
        <v>46006</v>
      </c>
      <c r="C1368" s="183" t="s">
        <v>3361</v>
      </c>
      <c r="D1368" s="183" t="s">
        <v>3362</v>
      </c>
      <c r="E1368" s="183">
        <v>35955678</v>
      </c>
      <c r="F1368" s="183" t="s">
        <v>3377</v>
      </c>
      <c r="G1368" s="201" t="s">
        <v>3374</v>
      </c>
      <c r="H1368" s="201" t="s">
        <v>3375</v>
      </c>
      <c r="I1368" s="183" t="s">
        <v>3371</v>
      </c>
      <c r="J1368" s="183" t="s">
        <v>1695</v>
      </c>
    </row>
    <row r="1369" spans="1:10" x14ac:dyDescent="0.25">
      <c r="A1369" s="182" t="s">
        <v>3378</v>
      </c>
      <c r="B1369" s="224">
        <v>46007</v>
      </c>
      <c r="C1369" s="183" t="s">
        <v>3379</v>
      </c>
      <c r="D1369" s="183" t="s">
        <v>3380</v>
      </c>
      <c r="E1369" s="183">
        <v>17500877</v>
      </c>
      <c r="F1369" s="183" t="s">
        <v>3381</v>
      </c>
      <c r="G1369" s="201" t="s">
        <v>3382</v>
      </c>
      <c r="H1369" s="201" t="s">
        <v>3382</v>
      </c>
      <c r="I1369" s="183" t="s">
        <v>3383</v>
      </c>
      <c r="J1369" s="183" t="s">
        <v>1695</v>
      </c>
    </row>
    <row r="1370" spans="1:10" x14ac:dyDescent="0.25">
      <c r="A1370" s="182" t="s">
        <v>3384</v>
      </c>
      <c r="B1370" s="224">
        <v>46006</v>
      </c>
      <c r="C1370" s="183" t="s">
        <v>3385</v>
      </c>
      <c r="D1370" s="183" t="s">
        <v>3386</v>
      </c>
      <c r="E1370" s="183">
        <v>603783</v>
      </c>
      <c r="F1370" s="183" t="s">
        <v>3387</v>
      </c>
      <c r="G1370" s="201" t="s">
        <v>3388</v>
      </c>
      <c r="H1370" s="201" t="s">
        <v>3389</v>
      </c>
      <c r="I1370" s="183" t="s">
        <v>3390</v>
      </c>
      <c r="J1370" s="183" t="s">
        <v>1695</v>
      </c>
    </row>
    <row r="1371" spans="1:10" x14ac:dyDescent="0.25">
      <c r="A1371" s="182" t="s">
        <v>3391</v>
      </c>
      <c r="B1371" s="224">
        <v>46006</v>
      </c>
      <c r="C1371" s="183" t="s">
        <v>3392</v>
      </c>
      <c r="D1371" s="183" t="s">
        <v>3393</v>
      </c>
      <c r="E1371" s="183">
        <v>35691883</v>
      </c>
      <c r="F1371" s="183" t="s">
        <v>3394</v>
      </c>
      <c r="G1371" s="201" t="s">
        <v>3395</v>
      </c>
      <c r="H1371" s="201" t="s">
        <v>3396</v>
      </c>
      <c r="I1371" s="183" t="s">
        <v>3397</v>
      </c>
      <c r="J1371" s="183" t="s">
        <v>1695</v>
      </c>
    </row>
    <row r="1372" spans="1:10" x14ac:dyDescent="0.25">
      <c r="A1372" s="182" t="s">
        <v>3398</v>
      </c>
      <c r="B1372" s="224">
        <v>46006</v>
      </c>
      <c r="C1372" s="183" t="s">
        <v>720</v>
      </c>
      <c r="D1372" s="202" t="s">
        <v>1423</v>
      </c>
      <c r="E1372" s="202">
        <v>30223288</v>
      </c>
      <c r="F1372" s="183" t="s">
        <v>3399</v>
      </c>
      <c r="G1372" s="201" t="s">
        <v>3400</v>
      </c>
      <c r="H1372" s="201" t="s">
        <v>3401</v>
      </c>
      <c r="I1372" s="183" t="s">
        <v>723</v>
      </c>
      <c r="J1372" s="183">
        <v>3522025</v>
      </c>
    </row>
    <row r="1373" spans="1:10" x14ac:dyDescent="0.25">
      <c r="A1373" s="182" t="s">
        <v>3402</v>
      </c>
      <c r="B1373" s="224">
        <v>46006</v>
      </c>
      <c r="C1373" s="183" t="s">
        <v>3403</v>
      </c>
      <c r="D1373" s="183" t="s">
        <v>3404</v>
      </c>
      <c r="E1373" s="183">
        <v>36763527</v>
      </c>
      <c r="F1373" s="183" t="s">
        <v>3405</v>
      </c>
      <c r="G1373" s="201" t="s">
        <v>3406</v>
      </c>
      <c r="H1373" s="201" t="s">
        <v>3407</v>
      </c>
      <c r="I1373" s="183" t="s">
        <v>3408</v>
      </c>
      <c r="J1373" s="183">
        <v>3332025</v>
      </c>
    </row>
    <row r="1374" spans="1:10" x14ac:dyDescent="0.25">
      <c r="A1374" s="182" t="s">
        <v>3409</v>
      </c>
      <c r="B1374" s="224">
        <v>46006</v>
      </c>
      <c r="C1374" s="183" t="s">
        <v>668</v>
      </c>
      <c r="D1374" s="180" t="s">
        <v>669</v>
      </c>
      <c r="E1374" s="180">
        <v>42137004</v>
      </c>
      <c r="F1374" s="183" t="s">
        <v>2184</v>
      </c>
      <c r="G1374" s="201" t="s">
        <v>3410</v>
      </c>
      <c r="H1374" s="201" t="s">
        <v>3410</v>
      </c>
      <c r="I1374" s="183" t="s">
        <v>1695</v>
      </c>
      <c r="J1374" s="183">
        <v>3682025</v>
      </c>
    </row>
    <row r="1375" spans="1:10" x14ac:dyDescent="0.25">
      <c r="A1375" s="182" t="s">
        <v>3411</v>
      </c>
      <c r="B1375" s="224">
        <v>46003</v>
      </c>
      <c r="C1375" s="183" t="s">
        <v>3412</v>
      </c>
      <c r="D1375" s="183" t="s">
        <v>3413</v>
      </c>
      <c r="E1375" s="183">
        <v>31560636</v>
      </c>
      <c r="F1375" s="183" t="s">
        <v>3414</v>
      </c>
      <c r="G1375" s="201" t="s">
        <v>3415</v>
      </c>
      <c r="H1375" s="201" t="s">
        <v>3416</v>
      </c>
      <c r="I1375" s="183" t="s">
        <v>1695</v>
      </c>
      <c r="J1375" s="183">
        <v>3532025</v>
      </c>
    </row>
    <row r="1376" spans="1:10" x14ac:dyDescent="0.25">
      <c r="A1376" s="182" t="s">
        <v>3417</v>
      </c>
      <c r="B1376" s="224">
        <v>46007</v>
      </c>
      <c r="C1376" s="183" t="s">
        <v>716</v>
      </c>
      <c r="D1376" s="183" t="s">
        <v>717</v>
      </c>
      <c r="E1376" s="183">
        <v>36752070</v>
      </c>
      <c r="F1376" s="183" t="s">
        <v>3418</v>
      </c>
      <c r="G1376" s="201" t="s">
        <v>3419</v>
      </c>
      <c r="H1376" s="201" t="s">
        <v>3420</v>
      </c>
      <c r="I1376" s="183" t="s">
        <v>1695</v>
      </c>
      <c r="J1376" s="183">
        <v>2552025</v>
      </c>
    </row>
    <row r="1377" spans="1:10" x14ac:dyDescent="0.25">
      <c r="A1377" s="182" t="s">
        <v>3421</v>
      </c>
      <c r="B1377" s="224">
        <v>46006</v>
      </c>
      <c r="C1377" s="183" t="s">
        <v>171</v>
      </c>
      <c r="D1377" s="180" t="s">
        <v>266</v>
      </c>
      <c r="E1377" s="180">
        <v>52599515</v>
      </c>
      <c r="F1377" s="183" t="s">
        <v>3422</v>
      </c>
      <c r="G1377" s="201" t="s">
        <v>3423</v>
      </c>
      <c r="H1377" s="201" t="s">
        <v>3424</v>
      </c>
      <c r="I1377" s="183" t="s">
        <v>1695</v>
      </c>
      <c r="J1377" s="183">
        <v>3782025</v>
      </c>
    </row>
    <row r="1378" spans="1:10" x14ac:dyDescent="0.25">
      <c r="A1378" s="182" t="s">
        <v>3425</v>
      </c>
      <c r="B1378" s="224">
        <v>46007</v>
      </c>
      <c r="C1378" s="183" t="s">
        <v>1727</v>
      </c>
      <c r="D1378" s="183" t="s">
        <v>473</v>
      </c>
      <c r="E1378" s="183">
        <v>31567282</v>
      </c>
      <c r="F1378" s="183" t="s">
        <v>3426</v>
      </c>
      <c r="G1378" s="201" t="s">
        <v>3427</v>
      </c>
      <c r="H1378" s="201" t="s">
        <v>3428</v>
      </c>
      <c r="I1378" s="183" t="s">
        <v>475</v>
      </c>
      <c r="J1378" s="200"/>
    </row>
    <row r="1379" spans="1:10" x14ac:dyDescent="0.25">
      <c r="A1379" s="182" t="s">
        <v>3429</v>
      </c>
      <c r="B1379" s="224">
        <v>46007</v>
      </c>
      <c r="C1379" s="183" t="s">
        <v>2208</v>
      </c>
      <c r="D1379" s="183" t="s">
        <v>2209</v>
      </c>
      <c r="E1379" s="183">
        <v>35728311</v>
      </c>
      <c r="F1379" s="183" t="s">
        <v>3430</v>
      </c>
      <c r="G1379" s="201" t="s">
        <v>3431</v>
      </c>
      <c r="H1379" s="201" t="s">
        <v>3432</v>
      </c>
      <c r="I1379" s="183" t="s">
        <v>3433</v>
      </c>
      <c r="J1379" s="183" t="s">
        <v>1695</v>
      </c>
    </row>
    <row r="1380" spans="1:10" x14ac:dyDescent="0.25">
      <c r="A1380" s="182" t="s">
        <v>3434</v>
      </c>
      <c r="B1380" s="224">
        <v>46007</v>
      </c>
      <c r="C1380" s="183" t="s">
        <v>2208</v>
      </c>
      <c r="D1380" s="183" t="s">
        <v>2209</v>
      </c>
      <c r="E1380" s="183">
        <v>35728311</v>
      </c>
      <c r="F1380" s="183" t="s">
        <v>3430</v>
      </c>
      <c r="G1380" s="201" t="s">
        <v>3431</v>
      </c>
      <c r="H1380" s="201" t="s">
        <v>3432</v>
      </c>
      <c r="I1380" s="183" t="s">
        <v>3433</v>
      </c>
      <c r="J1380" s="183" t="s">
        <v>1695</v>
      </c>
    </row>
    <row r="1381" spans="1:10" x14ac:dyDescent="0.25">
      <c r="A1381" s="182" t="s">
        <v>3435</v>
      </c>
      <c r="B1381" s="224">
        <v>46007</v>
      </c>
      <c r="C1381" s="183" t="s">
        <v>2208</v>
      </c>
      <c r="D1381" s="183" t="s">
        <v>2209</v>
      </c>
      <c r="E1381" s="183">
        <v>35728311</v>
      </c>
      <c r="F1381" s="183" t="s">
        <v>3430</v>
      </c>
      <c r="G1381" s="201" t="s">
        <v>3431</v>
      </c>
      <c r="H1381" s="201" t="s">
        <v>3432</v>
      </c>
      <c r="I1381" s="183" t="s">
        <v>3433</v>
      </c>
      <c r="J1381" s="201" t="s">
        <v>3436</v>
      </c>
    </row>
    <row r="1382" spans="1:10" x14ac:dyDescent="0.25">
      <c r="A1382" s="182" t="s">
        <v>3437</v>
      </c>
      <c r="B1382" s="224">
        <v>46007</v>
      </c>
      <c r="C1382" s="183" t="s">
        <v>2208</v>
      </c>
      <c r="D1382" s="183" t="s">
        <v>2209</v>
      </c>
      <c r="E1382" s="183">
        <v>35728311</v>
      </c>
      <c r="F1382" s="183" t="s">
        <v>3430</v>
      </c>
      <c r="G1382" s="201" t="s">
        <v>3431</v>
      </c>
      <c r="H1382" s="201" t="s">
        <v>3432</v>
      </c>
      <c r="I1382" s="183" t="s">
        <v>3433</v>
      </c>
      <c r="J1382" s="183" t="s">
        <v>1695</v>
      </c>
    </row>
    <row r="1383" spans="1:10" x14ac:dyDescent="0.25">
      <c r="A1383" s="182" t="s">
        <v>3438</v>
      </c>
      <c r="B1383" s="224">
        <v>46007</v>
      </c>
      <c r="C1383" s="183" t="s">
        <v>2289</v>
      </c>
      <c r="D1383" s="183" t="s">
        <v>2290</v>
      </c>
      <c r="E1383" s="183">
        <v>31563538</v>
      </c>
      <c r="F1383" s="183" t="s">
        <v>3439</v>
      </c>
      <c r="G1383" s="201" t="s">
        <v>3440</v>
      </c>
      <c r="H1383" s="201" t="s">
        <v>3441</v>
      </c>
      <c r="I1383" s="183" t="s">
        <v>3442</v>
      </c>
      <c r="J1383" s="183" t="s">
        <v>1695</v>
      </c>
    </row>
    <row r="1384" spans="1:10" x14ac:dyDescent="0.25">
      <c r="A1384" s="182" t="s">
        <v>3443</v>
      </c>
      <c r="B1384" s="224">
        <v>46007</v>
      </c>
      <c r="C1384" s="183" t="s">
        <v>716</v>
      </c>
      <c r="D1384" s="183" t="s">
        <v>717</v>
      </c>
      <c r="E1384" s="183">
        <v>36752070</v>
      </c>
      <c r="F1384" s="183" t="s">
        <v>3444</v>
      </c>
      <c r="G1384" s="201" t="s">
        <v>3445</v>
      </c>
      <c r="H1384" s="201" t="s">
        <v>3446</v>
      </c>
      <c r="I1384" s="183" t="s">
        <v>1695</v>
      </c>
      <c r="J1384" s="183">
        <v>3212025</v>
      </c>
    </row>
    <row r="1385" spans="1:10" x14ac:dyDescent="0.25">
      <c r="A1385" s="182" t="s">
        <v>3447</v>
      </c>
      <c r="B1385" s="224">
        <v>46007</v>
      </c>
      <c r="C1385" s="183" t="s">
        <v>2033</v>
      </c>
      <c r="D1385" s="183" t="s">
        <v>1265</v>
      </c>
      <c r="E1385" s="183">
        <v>35722533</v>
      </c>
      <c r="F1385" s="183" t="s">
        <v>3168</v>
      </c>
      <c r="G1385" s="201" t="s">
        <v>3448</v>
      </c>
      <c r="H1385" s="201" t="s">
        <v>3449</v>
      </c>
      <c r="I1385" s="183" t="s">
        <v>18</v>
      </c>
      <c r="J1385" s="183">
        <v>1322025</v>
      </c>
    </row>
    <row r="1386" spans="1:10" x14ac:dyDescent="0.25">
      <c r="A1386" s="182" t="s">
        <v>3450</v>
      </c>
      <c r="B1386" s="224">
        <v>46007</v>
      </c>
      <c r="C1386" s="183" t="s">
        <v>2033</v>
      </c>
      <c r="D1386" s="183" t="s">
        <v>1265</v>
      </c>
      <c r="E1386" s="183">
        <v>35722533</v>
      </c>
      <c r="F1386" s="183" t="s">
        <v>3451</v>
      </c>
      <c r="G1386" s="201" t="s">
        <v>3452</v>
      </c>
      <c r="H1386" s="201" t="s">
        <v>3453</v>
      </c>
      <c r="I1386" s="183" t="s">
        <v>18</v>
      </c>
      <c r="J1386" s="183">
        <v>3402025</v>
      </c>
    </row>
    <row r="1387" spans="1:10" x14ac:dyDescent="0.25">
      <c r="A1387" s="182" t="s">
        <v>3454</v>
      </c>
      <c r="B1387" s="224">
        <v>46007</v>
      </c>
      <c r="C1387" s="183" t="s">
        <v>2033</v>
      </c>
      <c r="D1387" s="183" t="s">
        <v>1265</v>
      </c>
      <c r="E1387" s="183">
        <v>35722533</v>
      </c>
      <c r="F1387" s="183" t="s">
        <v>3455</v>
      </c>
      <c r="G1387" s="201" t="s">
        <v>3456</v>
      </c>
      <c r="H1387" s="201" t="s">
        <v>3457</v>
      </c>
      <c r="I1387" s="183" t="s">
        <v>18</v>
      </c>
      <c r="J1387" s="183">
        <v>4042025</v>
      </c>
    </row>
    <row r="1388" spans="1:10" x14ac:dyDescent="0.25">
      <c r="A1388" s="182" t="s">
        <v>3458</v>
      </c>
      <c r="B1388" s="224">
        <v>46006</v>
      </c>
      <c r="C1388" s="183" t="s">
        <v>1482</v>
      </c>
      <c r="D1388" s="180" t="s">
        <v>1483</v>
      </c>
      <c r="E1388" s="180">
        <v>31348653</v>
      </c>
      <c r="F1388" s="183" t="s">
        <v>3459</v>
      </c>
      <c r="G1388" s="201" t="s">
        <v>3460</v>
      </c>
      <c r="H1388" s="201" t="s">
        <v>3461</v>
      </c>
      <c r="I1388" s="183" t="s">
        <v>1485</v>
      </c>
      <c r="J1388" s="183">
        <v>4182025</v>
      </c>
    </row>
    <row r="1389" spans="1:10" x14ac:dyDescent="0.25">
      <c r="A1389" s="182" t="s">
        <v>3462</v>
      </c>
      <c r="B1389" s="224">
        <v>46006</v>
      </c>
      <c r="C1389" s="183" t="s">
        <v>1482</v>
      </c>
      <c r="D1389" s="180" t="s">
        <v>1483</v>
      </c>
      <c r="E1389" s="180">
        <v>31348653</v>
      </c>
      <c r="F1389" s="183" t="s">
        <v>3463</v>
      </c>
      <c r="G1389" s="201" t="s">
        <v>3464</v>
      </c>
      <c r="H1389" s="201" t="s">
        <v>3465</v>
      </c>
      <c r="I1389" s="183" t="s">
        <v>1485</v>
      </c>
      <c r="J1389" s="183">
        <v>3852025</v>
      </c>
    </row>
    <row r="1390" spans="1:10" x14ac:dyDescent="0.25">
      <c r="A1390" s="182" t="s">
        <v>3466</v>
      </c>
      <c r="B1390" s="224">
        <v>46007</v>
      </c>
      <c r="C1390" s="183" t="s">
        <v>1482</v>
      </c>
      <c r="D1390" s="180" t="s">
        <v>1483</v>
      </c>
      <c r="E1390" s="180">
        <v>31348653</v>
      </c>
      <c r="F1390" s="183" t="s">
        <v>3467</v>
      </c>
      <c r="G1390" s="201" t="s">
        <v>3468</v>
      </c>
      <c r="H1390" s="201" t="s">
        <v>3469</v>
      </c>
      <c r="I1390" s="183" t="s">
        <v>1485</v>
      </c>
      <c r="J1390" s="183">
        <v>4162025</v>
      </c>
    </row>
    <row r="1391" spans="1:10" x14ac:dyDescent="0.25">
      <c r="A1391" s="182" t="s">
        <v>3470</v>
      </c>
      <c r="B1391" s="224">
        <v>46007</v>
      </c>
      <c r="C1391" s="183" t="s">
        <v>1482</v>
      </c>
      <c r="D1391" s="180" t="s">
        <v>1483</v>
      </c>
      <c r="E1391" s="180">
        <v>31348653</v>
      </c>
      <c r="F1391" s="183" t="s">
        <v>3471</v>
      </c>
      <c r="G1391" s="201" t="s">
        <v>3472</v>
      </c>
      <c r="H1391" s="201" t="s">
        <v>3473</v>
      </c>
      <c r="I1391" s="183" t="s">
        <v>1485</v>
      </c>
      <c r="J1391" s="183">
        <v>4012025</v>
      </c>
    </row>
    <row r="1392" spans="1:10" x14ac:dyDescent="0.25">
      <c r="A1392" s="182" t="s">
        <v>3474</v>
      </c>
      <c r="B1392" s="224">
        <v>46007</v>
      </c>
      <c r="C1392" s="183" t="s">
        <v>1482</v>
      </c>
      <c r="D1392" s="180" t="s">
        <v>1483</v>
      </c>
      <c r="E1392" s="180">
        <v>31348653</v>
      </c>
      <c r="F1392" s="183" t="s">
        <v>3475</v>
      </c>
      <c r="G1392" s="201" t="s">
        <v>3476</v>
      </c>
      <c r="H1392" s="201" t="s">
        <v>3477</v>
      </c>
      <c r="I1392" s="183" t="s">
        <v>1485</v>
      </c>
      <c r="J1392" s="183">
        <v>3972025</v>
      </c>
    </row>
    <row r="1393" spans="1:10" x14ac:dyDescent="0.25">
      <c r="A1393" s="182" t="s">
        <v>3478</v>
      </c>
      <c r="B1393" s="224">
        <v>46007</v>
      </c>
      <c r="C1393" s="183" t="s">
        <v>1482</v>
      </c>
      <c r="D1393" s="180" t="s">
        <v>1483</v>
      </c>
      <c r="E1393" s="180">
        <v>31348653</v>
      </c>
      <c r="F1393" s="183" t="s">
        <v>3479</v>
      </c>
      <c r="G1393" s="201" t="s">
        <v>3476</v>
      </c>
      <c r="H1393" s="201" t="s">
        <v>3477</v>
      </c>
      <c r="I1393" s="183" t="s">
        <v>1485</v>
      </c>
      <c r="J1393" s="183">
        <v>3982025</v>
      </c>
    </row>
    <row r="1394" spans="1:10" x14ac:dyDescent="0.25">
      <c r="A1394" s="182" t="s">
        <v>3480</v>
      </c>
      <c r="B1394" s="224">
        <v>46007</v>
      </c>
      <c r="C1394" s="183" t="s">
        <v>1482</v>
      </c>
      <c r="D1394" s="180" t="s">
        <v>1483</v>
      </c>
      <c r="E1394" s="180">
        <v>31348653</v>
      </c>
      <c r="F1394" s="183" t="s">
        <v>3481</v>
      </c>
      <c r="G1394" s="201" t="s">
        <v>3476</v>
      </c>
      <c r="H1394" s="201" t="s">
        <v>3477</v>
      </c>
      <c r="I1394" s="183" t="s">
        <v>1485</v>
      </c>
      <c r="J1394" s="183">
        <v>3962025</v>
      </c>
    </row>
    <row r="1395" spans="1:10" x14ac:dyDescent="0.25">
      <c r="A1395" s="182" t="s">
        <v>3482</v>
      </c>
      <c r="B1395" s="224">
        <v>46008</v>
      </c>
      <c r="C1395" s="183" t="s">
        <v>1482</v>
      </c>
      <c r="D1395" s="180" t="s">
        <v>1483</v>
      </c>
      <c r="E1395" s="180">
        <v>31348653</v>
      </c>
      <c r="F1395" s="183" t="s">
        <v>3483</v>
      </c>
      <c r="G1395" s="201" t="s">
        <v>3484</v>
      </c>
      <c r="H1395" s="201" t="s">
        <v>3485</v>
      </c>
      <c r="I1395" s="183" t="s">
        <v>1485</v>
      </c>
      <c r="J1395" s="183">
        <v>3872025</v>
      </c>
    </row>
    <row r="1396" spans="1:10" x14ac:dyDescent="0.25">
      <c r="A1396" s="182" t="s">
        <v>3486</v>
      </c>
      <c r="B1396" s="224">
        <v>46007</v>
      </c>
      <c r="C1396" s="206" t="s">
        <v>3487</v>
      </c>
      <c r="D1396" s="183" t="s">
        <v>3488</v>
      </c>
      <c r="E1396" s="183">
        <v>56305150</v>
      </c>
      <c r="F1396" s="183" t="s">
        <v>3489</v>
      </c>
      <c r="G1396" s="201" t="s">
        <v>3490</v>
      </c>
      <c r="H1396" s="201" t="s">
        <v>3491</v>
      </c>
      <c r="I1396" s="183" t="s">
        <v>1695</v>
      </c>
      <c r="J1396" s="183">
        <v>3572025</v>
      </c>
    </row>
    <row r="1397" spans="1:10" x14ac:dyDescent="0.25">
      <c r="A1397" s="182" t="s">
        <v>3492</v>
      </c>
      <c r="B1397" s="224">
        <v>46007</v>
      </c>
      <c r="C1397" s="183" t="s">
        <v>187</v>
      </c>
      <c r="D1397" s="183" t="s">
        <v>188</v>
      </c>
      <c r="E1397" s="183">
        <v>35954612</v>
      </c>
      <c r="F1397" s="183" t="s">
        <v>3493</v>
      </c>
      <c r="G1397" s="201" t="s">
        <v>2633</v>
      </c>
      <c r="H1397" s="201" t="s">
        <v>2634</v>
      </c>
      <c r="I1397" s="183" t="s">
        <v>223</v>
      </c>
      <c r="J1397" s="183">
        <v>2752025</v>
      </c>
    </row>
    <row r="1398" spans="1:10" x14ac:dyDescent="0.25">
      <c r="A1398" s="182" t="s">
        <v>3494</v>
      </c>
      <c r="B1398" s="224">
        <v>46008</v>
      </c>
      <c r="C1398" s="191" t="s">
        <v>1161</v>
      </c>
      <c r="D1398" s="183" t="s">
        <v>1162</v>
      </c>
      <c r="E1398" s="183">
        <v>52283411</v>
      </c>
      <c r="F1398" s="183" t="s">
        <v>3495</v>
      </c>
      <c r="G1398" s="201" t="s">
        <v>2678</v>
      </c>
      <c r="H1398" s="201" t="s">
        <v>2679</v>
      </c>
      <c r="I1398" s="183" t="s">
        <v>1164</v>
      </c>
      <c r="J1398" s="183">
        <v>2252025</v>
      </c>
    </row>
    <row r="1399" spans="1:10" x14ac:dyDescent="0.25">
      <c r="A1399" s="182" t="s">
        <v>3496</v>
      </c>
      <c r="B1399" s="224">
        <v>46007</v>
      </c>
      <c r="C1399" s="207" t="s">
        <v>1482</v>
      </c>
      <c r="D1399" s="180" t="s">
        <v>1483</v>
      </c>
      <c r="E1399" s="180">
        <v>31348653</v>
      </c>
      <c r="F1399" s="183" t="s">
        <v>3497</v>
      </c>
      <c r="G1399" s="201" t="s">
        <v>3476</v>
      </c>
      <c r="H1399" s="201" t="s">
        <v>3477</v>
      </c>
      <c r="I1399" s="183" t="s">
        <v>1485</v>
      </c>
      <c r="J1399" s="183">
        <v>4032025</v>
      </c>
    </row>
    <row r="1400" spans="1:10" x14ac:dyDescent="0.25">
      <c r="A1400" s="182" t="s">
        <v>3498</v>
      </c>
      <c r="B1400" s="224">
        <v>46007</v>
      </c>
      <c r="C1400" s="208" t="s">
        <v>1482</v>
      </c>
      <c r="D1400" s="180" t="s">
        <v>1483</v>
      </c>
      <c r="E1400" s="180">
        <v>31348653</v>
      </c>
      <c r="F1400" s="183" t="s">
        <v>3499</v>
      </c>
      <c r="G1400" s="201" t="s">
        <v>3476</v>
      </c>
      <c r="H1400" s="201" t="s">
        <v>3477</v>
      </c>
      <c r="I1400" s="183" t="s">
        <v>1485</v>
      </c>
      <c r="J1400" s="183">
        <v>4172025</v>
      </c>
    </row>
    <row r="1401" spans="1:10" x14ac:dyDescent="0.25">
      <c r="A1401" s="182" t="s">
        <v>3500</v>
      </c>
      <c r="B1401" s="224">
        <v>46007</v>
      </c>
      <c r="C1401" s="208" t="s">
        <v>1482</v>
      </c>
      <c r="D1401" s="180" t="s">
        <v>1483</v>
      </c>
      <c r="E1401" s="180">
        <v>31348653</v>
      </c>
      <c r="F1401" s="183" t="s">
        <v>3501</v>
      </c>
      <c r="G1401" s="201" t="s">
        <v>3502</v>
      </c>
      <c r="H1401" s="201" t="s">
        <v>3503</v>
      </c>
      <c r="I1401" s="183" t="s">
        <v>1485</v>
      </c>
      <c r="J1401" s="183">
        <v>4132025</v>
      </c>
    </row>
    <row r="1402" spans="1:10" x14ac:dyDescent="0.25">
      <c r="A1402" s="182" t="s">
        <v>3504</v>
      </c>
      <c r="B1402" s="224">
        <v>46008</v>
      </c>
      <c r="C1402" s="208" t="s">
        <v>1482</v>
      </c>
      <c r="D1402" s="180" t="s">
        <v>1483</v>
      </c>
      <c r="E1402" s="180">
        <v>31348653</v>
      </c>
      <c r="F1402" s="183" t="s">
        <v>3505</v>
      </c>
      <c r="G1402" s="201" t="s">
        <v>3506</v>
      </c>
      <c r="H1402" s="201" t="s">
        <v>3507</v>
      </c>
      <c r="I1402" s="183" t="s">
        <v>1485</v>
      </c>
      <c r="J1402" s="183">
        <v>3912025</v>
      </c>
    </row>
    <row r="1403" spans="1:10" x14ac:dyDescent="0.25">
      <c r="A1403" s="182" t="s">
        <v>3508</v>
      </c>
      <c r="B1403" s="224">
        <v>46008</v>
      </c>
      <c r="C1403" s="183" t="s">
        <v>2814</v>
      </c>
      <c r="D1403" s="183" t="s">
        <v>2815</v>
      </c>
      <c r="E1403" s="183">
        <v>35956526</v>
      </c>
      <c r="F1403" s="183" t="s">
        <v>3509</v>
      </c>
      <c r="G1403" s="201" t="s">
        <v>3510</v>
      </c>
      <c r="H1403" s="201" t="s">
        <v>3511</v>
      </c>
      <c r="I1403" s="183" t="s">
        <v>2819</v>
      </c>
      <c r="J1403" s="183" t="s">
        <v>1695</v>
      </c>
    </row>
    <row r="1404" spans="1:10" x14ac:dyDescent="0.25">
      <c r="A1404" s="182" t="s">
        <v>3512</v>
      </c>
      <c r="B1404" s="224">
        <v>46007</v>
      </c>
      <c r="C1404" s="183" t="s">
        <v>134</v>
      </c>
      <c r="D1404" s="180" t="s">
        <v>135</v>
      </c>
      <c r="E1404" s="180">
        <v>35889063</v>
      </c>
      <c r="F1404" s="180" t="s">
        <v>3513</v>
      </c>
      <c r="G1404" s="332" t="s">
        <v>3514</v>
      </c>
      <c r="H1404" s="332" t="s">
        <v>3515</v>
      </c>
      <c r="I1404" s="183" t="s">
        <v>1341</v>
      </c>
      <c r="J1404" s="180" t="s">
        <v>1695</v>
      </c>
    </row>
    <row r="1405" spans="1:10" x14ac:dyDescent="0.25">
      <c r="A1405" s="182" t="s">
        <v>3516</v>
      </c>
      <c r="B1405" s="224">
        <v>46007</v>
      </c>
      <c r="C1405" s="183" t="s">
        <v>139</v>
      </c>
      <c r="D1405" s="183" t="s">
        <v>140</v>
      </c>
      <c r="E1405" s="183">
        <v>47235713</v>
      </c>
      <c r="F1405" s="183" t="s">
        <v>3517</v>
      </c>
      <c r="G1405" s="332" t="s">
        <v>3518</v>
      </c>
      <c r="H1405" s="332" t="s">
        <v>3519</v>
      </c>
      <c r="I1405" s="192" t="s">
        <v>3520</v>
      </c>
      <c r="J1405" s="179" t="s">
        <v>1695</v>
      </c>
    </row>
    <row r="1406" spans="1:10" x14ac:dyDescent="0.25">
      <c r="A1406" s="182" t="s">
        <v>3521</v>
      </c>
      <c r="B1406" s="224">
        <v>46007</v>
      </c>
      <c r="C1406" s="183" t="s">
        <v>171</v>
      </c>
      <c r="D1406" s="183" t="s">
        <v>266</v>
      </c>
      <c r="E1406" s="183">
        <v>52599515</v>
      </c>
      <c r="F1406" s="180" t="s">
        <v>3522</v>
      </c>
      <c r="G1406" s="332" t="s">
        <v>3523</v>
      </c>
      <c r="H1406" s="332" t="s">
        <v>3524</v>
      </c>
      <c r="I1406" s="190" t="s">
        <v>173</v>
      </c>
      <c r="J1406" s="179" t="s">
        <v>1695</v>
      </c>
    </row>
    <row r="1407" spans="1:10" x14ac:dyDescent="0.25">
      <c r="A1407" s="182" t="s">
        <v>3525</v>
      </c>
      <c r="B1407" s="224">
        <v>46007</v>
      </c>
      <c r="C1407" s="183" t="s">
        <v>3526</v>
      </c>
      <c r="D1407" s="183" t="s">
        <v>3527</v>
      </c>
      <c r="E1407" s="183">
        <v>35873647</v>
      </c>
      <c r="F1407" s="183" t="s">
        <v>3528</v>
      </c>
      <c r="G1407" s="201" t="s">
        <v>3529</v>
      </c>
      <c r="H1407" s="201" t="s">
        <v>3530</v>
      </c>
      <c r="I1407" s="183" t="s">
        <v>3531</v>
      </c>
      <c r="J1407" s="183" t="s">
        <v>1695</v>
      </c>
    </row>
    <row r="1408" spans="1:10" x14ac:dyDescent="0.25">
      <c r="A1408" s="182" t="s">
        <v>3532</v>
      </c>
      <c r="B1408" s="224">
        <v>46007</v>
      </c>
      <c r="C1408" s="183" t="s">
        <v>3526</v>
      </c>
      <c r="D1408" s="183" t="s">
        <v>3527</v>
      </c>
      <c r="E1408" s="183">
        <v>35873647</v>
      </c>
      <c r="F1408" s="183" t="s">
        <v>3528</v>
      </c>
      <c r="G1408" s="201" t="s">
        <v>3529</v>
      </c>
      <c r="H1408" s="201" t="s">
        <v>3530</v>
      </c>
      <c r="I1408" s="183" t="s">
        <v>3531</v>
      </c>
      <c r="J1408" s="183" t="s">
        <v>1695</v>
      </c>
    </row>
    <row r="1409" spans="1:10" x14ac:dyDescent="0.25">
      <c r="A1409" s="182" t="s">
        <v>3533</v>
      </c>
      <c r="B1409" s="224">
        <v>46007</v>
      </c>
      <c r="C1409" s="183" t="s">
        <v>3526</v>
      </c>
      <c r="D1409" s="183" t="s">
        <v>3527</v>
      </c>
      <c r="E1409" s="183">
        <v>35873647</v>
      </c>
      <c r="F1409" s="183" t="s">
        <v>3528</v>
      </c>
      <c r="G1409" s="201" t="s">
        <v>3529</v>
      </c>
      <c r="H1409" s="201" t="s">
        <v>3530</v>
      </c>
      <c r="I1409" s="183" t="s">
        <v>3531</v>
      </c>
      <c r="J1409" s="183" t="s">
        <v>1695</v>
      </c>
    </row>
    <row r="1410" spans="1:10" x14ac:dyDescent="0.25">
      <c r="A1410" s="182" t="s">
        <v>3534</v>
      </c>
      <c r="B1410" s="224">
        <v>46007</v>
      </c>
      <c r="C1410" s="183" t="s">
        <v>3526</v>
      </c>
      <c r="D1410" s="183" t="s">
        <v>3527</v>
      </c>
      <c r="E1410" s="183">
        <v>35873647</v>
      </c>
      <c r="F1410" s="183" t="s">
        <v>3528</v>
      </c>
      <c r="G1410" s="201" t="s">
        <v>3529</v>
      </c>
      <c r="H1410" s="201" t="s">
        <v>3530</v>
      </c>
      <c r="I1410" s="183" t="s">
        <v>3531</v>
      </c>
      <c r="J1410" s="183" t="s">
        <v>1695</v>
      </c>
    </row>
    <row r="1411" spans="1:10" x14ac:dyDescent="0.25">
      <c r="A1411" s="182" t="s">
        <v>3535</v>
      </c>
      <c r="B1411" s="224">
        <v>46007</v>
      </c>
      <c r="C1411" s="183" t="s">
        <v>3526</v>
      </c>
      <c r="D1411" s="183" t="s">
        <v>3527</v>
      </c>
      <c r="E1411" s="183">
        <v>35873647</v>
      </c>
      <c r="F1411" s="183" t="s">
        <v>3528</v>
      </c>
      <c r="G1411" s="201" t="s">
        <v>3529</v>
      </c>
      <c r="H1411" s="201" t="s">
        <v>3530</v>
      </c>
      <c r="I1411" s="183" t="s">
        <v>3531</v>
      </c>
      <c r="J1411" s="183" t="s">
        <v>1695</v>
      </c>
    </row>
    <row r="1412" spans="1:10" x14ac:dyDescent="0.25">
      <c r="A1412" s="182" t="s">
        <v>3536</v>
      </c>
      <c r="B1412" s="224">
        <v>46007</v>
      </c>
      <c r="C1412" s="183" t="s">
        <v>3526</v>
      </c>
      <c r="D1412" s="183" t="s">
        <v>3527</v>
      </c>
      <c r="E1412" s="183">
        <v>35873647</v>
      </c>
      <c r="F1412" s="183" t="s">
        <v>3528</v>
      </c>
      <c r="G1412" s="201" t="s">
        <v>3529</v>
      </c>
      <c r="H1412" s="201" t="s">
        <v>3530</v>
      </c>
      <c r="I1412" s="183" t="s">
        <v>3531</v>
      </c>
      <c r="J1412" s="183" t="s">
        <v>1695</v>
      </c>
    </row>
    <row r="1413" spans="1:10" x14ac:dyDescent="0.25">
      <c r="A1413" s="182" t="s">
        <v>3537</v>
      </c>
      <c r="B1413" s="224">
        <v>46007</v>
      </c>
      <c r="C1413" s="183" t="s">
        <v>3526</v>
      </c>
      <c r="D1413" s="183" t="s">
        <v>3527</v>
      </c>
      <c r="E1413" s="183">
        <v>35873647</v>
      </c>
      <c r="F1413" s="183" t="s">
        <v>3528</v>
      </c>
      <c r="G1413" s="201" t="s">
        <v>3529</v>
      </c>
      <c r="H1413" s="201" t="s">
        <v>3530</v>
      </c>
      <c r="I1413" s="183" t="s">
        <v>3531</v>
      </c>
      <c r="J1413" s="183" t="s">
        <v>1695</v>
      </c>
    </row>
    <row r="1414" spans="1:10" x14ac:dyDescent="0.25">
      <c r="A1414" s="182" t="s">
        <v>3538</v>
      </c>
      <c r="B1414" s="224">
        <v>46007</v>
      </c>
      <c r="C1414" s="183" t="s">
        <v>3526</v>
      </c>
      <c r="D1414" s="183" t="s">
        <v>3527</v>
      </c>
      <c r="E1414" s="183">
        <v>35873647</v>
      </c>
      <c r="F1414" s="183" t="s">
        <v>3528</v>
      </c>
      <c r="G1414" s="201" t="s">
        <v>3529</v>
      </c>
      <c r="H1414" s="201" t="s">
        <v>3530</v>
      </c>
      <c r="I1414" s="183" t="s">
        <v>3531</v>
      </c>
      <c r="J1414" s="183" t="s">
        <v>1695</v>
      </c>
    </row>
    <row r="1415" spans="1:10" x14ac:dyDescent="0.25">
      <c r="A1415" s="182" t="s">
        <v>3539</v>
      </c>
      <c r="B1415" s="224">
        <v>46007</v>
      </c>
      <c r="C1415" s="183" t="s">
        <v>3526</v>
      </c>
      <c r="D1415" s="183" t="s">
        <v>3527</v>
      </c>
      <c r="E1415" s="183">
        <v>35873647</v>
      </c>
      <c r="F1415" s="183" t="s">
        <v>3528</v>
      </c>
      <c r="G1415" s="201" t="s">
        <v>3529</v>
      </c>
      <c r="H1415" s="201" t="s">
        <v>3530</v>
      </c>
      <c r="I1415" s="183" t="s">
        <v>3531</v>
      </c>
      <c r="J1415" s="183" t="s">
        <v>1695</v>
      </c>
    </row>
    <row r="1416" spans="1:10" x14ac:dyDescent="0.25">
      <c r="A1416" s="182" t="s">
        <v>3540</v>
      </c>
      <c r="B1416" s="224">
        <v>46007</v>
      </c>
      <c r="C1416" s="183" t="s">
        <v>3526</v>
      </c>
      <c r="D1416" s="183" t="s">
        <v>3527</v>
      </c>
      <c r="E1416" s="183">
        <v>35873647</v>
      </c>
      <c r="F1416" s="183" t="s">
        <v>3528</v>
      </c>
      <c r="G1416" s="201" t="s">
        <v>3529</v>
      </c>
      <c r="H1416" s="201" t="s">
        <v>3530</v>
      </c>
      <c r="I1416" s="183" t="s">
        <v>3531</v>
      </c>
      <c r="J1416" s="183" t="s">
        <v>1695</v>
      </c>
    </row>
    <row r="1417" spans="1:10" x14ac:dyDescent="0.25">
      <c r="A1417" s="182" t="s">
        <v>3541</v>
      </c>
      <c r="B1417" s="224">
        <v>46007</v>
      </c>
      <c r="C1417" s="183" t="s">
        <v>3526</v>
      </c>
      <c r="D1417" s="183" t="s">
        <v>3527</v>
      </c>
      <c r="E1417" s="183">
        <v>35873647</v>
      </c>
      <c r="F1417" s="183" t="s">
        <v>3528</v>
      </c>
      <c r="G1417" s="201" t="s">
        <v>3529</v>
      </c>
      <c r="H1417" s="201" t="s">
        <v>3530</v>
      </c>
      <c r="I1417" s="183" t="s">
        <v>3531</v>
      </c>
      <c r="J1417" s="183" t="s">
        <v>1695</v>
      </c>
    </row>
    <row r="1418" spans="1:10" x14ac:dyDescent="0.25">
      <c r="A1418" s="182" t="s">
        <v>3542</v>
      </c>
      <c r="B1418" s="224">
        <v>46007</v>
      </c>
      <c r="C1418" s="183" t="s">
        <v>3526</v>
      </c>
      <c r="D1418" s="183" t="s">
        <v>3527</v>
      </c>
      <c r="E1418" s="183">
        <v>35873647</v>
      </c>
      <c r="F1418" s="183" t="s">
        <v>3528</v>
      </c>
      <c r="G1418" s="201" t="s">
        <v>3529</v>
      </c>
      <c r="H1418" s="201" t="s">
        <v>3530</v>
      </c>
      <c r="I1418" s="183" t="s">
        <v>3531</v>
      </c>
      <c r="J1418" s="183" t="s">
        <v>1695</v>
      </c>
    </row>
    <row r="1419" spans="1:10" x14ac:dyDescent="0.25">
      <c r="A1419" s="182" t="s">
        <v>3543</v>
      </c>
      <c r="B1419" s="224">
        <v>45994</v>
      </c>
      <c r="C1419" s="183" t="s">
        <v>3544</v>
      </c>
      <c r="D1419" s="183" t="s">
        <v>3545</v>
      </c>
      <c r="E1419" s="183">
        <v>36333816</v>
      </c>
      <c r="F1419" s="183" t="s">
        <v>3546</v>
      </c>
      <c r="G1419" s="201" t="s">
        <v>3547</v>
      </c>
      <c r="H1419" s="201" t="s">
        <v>3548</v>
      </c>
      <c r="I1419" s="183" t="s">
        <v>1695</v>
      </c>
      <c r="J1419" s="183">
        <v>2932025</v>
      </c>
    </row>
    <row r="1420" spans="1:10" x14ac:dyDescent="0.25">
      <c r="A1420" s="182" t="s">
        <v>3549</v>
      </c>
      <c r="B1420" s="224">
        <v>46010</v>
      </c>
      <c r="C1420" s="183" t="s">
        <v>1105</v>
      </c>
      <c r="D1420" s="205" t="s">
        <v>1106</v>
      </c>
      <c r="E1420" s="205">
        <v>35780886</v>
      </c>
      <c r="F1420" s="183" t="s">
        <v>1107</v>
      </c>
      <c r="G1420" s="201" t="s">
        <v>3550</v>
      </c>
      <c r="H1420" s="201" t="s">
        <v>3551</v>
      </c>
      <c r="I1420" s="183" t="s">
        <v>1695</v>
      </c>
      <c r="J1420" s="183">
        <v>762025</v>
      </c>
    </row>
    <row r="1421" spans="1:10" x14ac:dyDescent="0.25">
      <c r="A1421" s="182" t="s">
        <v>3552</v>
      </c>
      <c r="B1421" s="224">
        <v>46009</v>
      </c>
      <c r="C1421" s="183" t="s">
        <v>2555</v>
      </c>
      <c r="D1421" s="183" t="s">
        <v>721</v>
      </c>
      <c r="E1421" s="183">
        <v>31592503</v>
      </c>
      <c r="F1421" s="183" t="s">
        <v>3553</v>
      </c>
      <c r="G1421" s="201" t="s">
        <v>3554</v>
      </c>
      <c r="H1421" s="201" t="s">
        <v>3555</v>
      </c>
      <c r="I1421" s="183" t="s">
        <v>1695</v>
      </c>
      <c r="J1421" s="183">
        <v>3392025</v>
      </c>
    </row>
    <row r="1422" spans="1:10" x14ac:dyDescent="0.25">
      <c r="A1422" s="182" t="s">
        <v>3556</v>
      </c>
      <c r="B1422" s="224">
        <v>46009</v>
      </c>
      <c r="C1422" s="183" t="s">
        <v>3557</v>
      </c>
      <c r="D1422" s="183" t="s">
        <v>3558</v>
      </c>
      <c r="E1422" s="183">
        <v>46729445</v>
      </c>
      <c r="F1422" s="183" t="s">
        <v>3559</v>
      </c>
      <c r="G1422" s="201" t="s">
        <v>3560</v>
      </c>
      <c r="H1422" s="201" t="s">
        <v>3561</v>
      </c>
      <c r="I1422" s="183" t="s">
        <v>1695</v>
      </c>
      <c r="J1422" s="183">
        <v>3172025</v>
      </c>
    </row>
    <row r="1423" spans="1:10" x14ac:dyDescent="0.25">
      <c r="A1423" s="182" t="s">
        <v>3562</v>
      </c>
      <c r="B1423" s="224">
        <v>46010</v>
      </c>
      <c r="C1423" s="183" t="s">
        <v>1482</v>
      </c>
      <c r="D1423" s="180" t="s">
        <v>1483</v>
      </c>
      <c r="E1423" s="180">
        <v>31348653</v>
      </c>
      <c r="F1423" s="183" t="s">
        <v>1496</v>
      </c>
      <c r="G1423" s="201" t="s">
        <v>3563</v>
      </c>
      <c r="H1423" s="201" t="s">
        <v>3564</v>
      </c>
      <c r="I1423" s="183" t="s">
        <v>1485</v>
      </c>
      <c r="J1423" s="183">
        <v>2962025</v>
      </c>
    </row>
    <row r="1424" spans="1:10" x14ac:dyDescent="0.25">
      <c r="A1424" s="182" t="s">
        <v>3565</v>
      </c>
      <c r="B1424" s="224">
        <v>46010</v>
      </c>
      <c r="C1424" s="183" t="s">
        <v>1482</v>
      </c>
      <c r="D1424" s="180" t="s">
        <v>1483</v>
      </c>
      <c r="E1424" s="180">
        <v>31348653</v>
      </c>
      <c r="F1424" s="183" t="s">
        <v>1484</v>
      </c>
      <c r="G1424" s="201" t="s">
        <v>3566</v>
      </c>
      <c r="H1424" s="201" t="s">
        <v>3567</v>
      </c>
      <c r="I1424" s="183" t="s">
        <v>1485</v>
      </c>
      <c r="J1424" s="183">
        <v>2962025</v>
      </c>
    </row>
    <row r="1425" spans="1:10" x14ac:dyDescent="0.25">
      <c r="A1425" s="182" t="s">
        <v>3568</v>
      </c>
      <c r="B1425" s="224">
        <v>46010</v>
      </c>
      <c r="C1425" s="183" t="s">
        <v>1482</v>
      </c>
      <c r="D1425" s="180" t="s">
        <v>1483</v>
      </c>
      <c r="E1425" s="180">
        <v>31348653</v>
      </c>
      <c r="F1425" s="183" t="s">
        <v>1484</v>
      </c>
      <c r="G1425" s="201" t="s">
        <v>3566</v>
      </c>
      <c r="H1425" s="201" t="s">
        <v>3567</v>
      </c>
      <c r="I1425" s="183" t="s">
        <v>1485</v>
      </c>
      <c r="J1425" s="183">
        <v>2962025</v>
      </c>
    </row>
    <row r="1426" spans="1:10" x14ac:dyDescent="0.25">
      <c r="A1426" s="182" t="s">
        <v>3569</v>
      </c>
      <c r="B1426" s="224">
        <v>46013</v>
      </c>
      <c r="C1426" s="183" t="s">
        <v>1727</v>
      </c>
      <c r="D1426" s="183" t="s">
        <v>473</v>
      </c>
      <c r="E1426" s="183">
        <v>31567282</v>
      </c>
      <c r="F1426" s="183" t="s">
        <v>3570</v>
      </c>
      <c r="G1426" s="201" t="s">
        <v>3571</v>
      </c>
      <c r="H1426" s="201" t="s">
        <v>3572</v>
      </c>
      <c r="I1426" s="183" t="s">
        <v>475</v>
      </c>
      <c r="J1426" s="183">
        <v>3752025</v>
      </c>
    </row>
    <row r="1427" spans="1:10" x14ac:dyDescent="0.25">
      <c r="A1427" s="182" t="s">
        <v>3573</v>
      </c>
      <c r="B1427" s="224">
        <v>46013</v>
      </c>
      <c r="C1427" s="183" t="s">
        <v>1482</v>
      </c>
      <c r="D1427" s="180" t="s">
        <v>1483</v>
      </c>
      <c r="E1427" s="180">
        <v>31348653</v>
      </c>
      <c r="F1427" s="183" t="s">
        <v>3574</v>
      </c>
      <c r="G1427" s="201" t="s">
        <v>3476</v>
      </c>
      <c r="H1427" s="201" t="s">
        <v>3477</v>
      </c>
      <c r="I1427" s="183" t="s">
        <v>1485</v>
      </c>
      <c r="J1427" s="183">
        <v>4142025</v>
      </c>
    </row>
    <row r="1428" spans="1:10" x14ac:dyDescent="0.25">
      <c r="A1428" s="182" t="s">
        <v>3575</v>
      </c>
      <c r="B1428" s="224">
        <v>46013</v>
      </c>
      <c r="C1428" s="183" t="s">
        <v>1482</v>
      </c>
      <c r="D1428" s="180" t="s">
        <v>1483</v>
      </c>
      <c r="E1428" s="180">
        <v>31348653</v>
      </c>
      <c r="F1428" s="183" t="s">
        <v>3576</v>
      </c>
      <c r="G1428" s="201" t="s">
        <v>3476</v>
      </c>
      <c r="H1428" s="201" t="s">
        <v>3477</v>
      </c>
      <c r="I1428" s="183" t="s">
        <v>1485</v>
      </c>
      <c r="J1428" s="183">
        <v>4192025</v>
      </c>
    </row>
    <row r="1429" spans="1:10" x14ac:dyDescent="0.25">
      <c r="A1429" s="182" t="s">
        <v>3577</v>
      </c>
      <c r="B1429" s="224">
        <v>46013</v>
      </c>
      <c r="C1429" s="183" t="s">
        <v>1482</v>
      </c>
      <c r="D1429" s="180" t="s">
        <v>1483</v>
      </c>
      <c r="E1429" s="180">
        <v>31348653</v>
      </c>
      <c r="F1429" s="183" t="s">
        <v>3578</v>
      </c>
      <c r="G1429" s="201" t="s">
        <v>3579</v>
      </c>
      <c r="H1429" s="201" t="s">
        <v>3580</v>
      </c>
      <c r="I1429" s="183" t="s">
        <v>1485</v>
      </c>
      <c r="J1429" s="183">
        <v>3882025</v>
      </c>
    </row>
    <row r="1430" spans="1:10" x14ac:dyDescent="0.25">
      <c r="A1430" s="182" t="s">
        <v>3581</v>
      </c>
      <c r="B1430" s="224">
        <v>46013</v>
      </c>
      <c r="C1430" s="183" t="s">
        <v>1482</v>
      </c>
      <c r="D1430" s="180" t="s">
        <v>1483</v>
      </c>
      <c r="E1430" s="180">
        <v>31348653</v>
      </c>
      <c r="F1430" s="183" t="s">
        <v>3582</v>
      </c>
      <c r="G1430" s="201" t="s">
        <v>3502</v>
      </c>
      <c r="H1430" s="201" t="s">
        <v>3503</v>
      </c>
      <c r="I1430" s="183" t="s">
        <v>1485</v>
      </c>
      <c r="J1430" s="183">
        <v>4072025</v>
      </c>
    </row>
    <row r="1431" spans="1:10" x14ac:dyDescent="0.25">
      <c r="A1431" s="182" t="s">
        <v>3583</v>
      </c>
      <c r="B1431" s="224">
        <v>46013</v>
      </c>
      <c r="C1431" s="183" t="s">
        <v>1482</v>
      </c>
      <c r="D1431" s="180" t="s">
        <v>1483</v>
      </c>
      <c r="E1431" s="180">
        <v>31348653</v>
      </c>
      <c r="F1431" s="183" t="s">
        <v>3584</v>
      </c>
      <c r="G1431" s="201" t="s">
        <v>3585</v>
      </c>
      <c r="H1431" s="201" t="s">
        <v>3586</v>
      </c>
      <c r="I1431" s="183" t="s">
        <v>1485</v>
      </c>
      <c r="J1431" s="183">
        <v>4112025</v>
      </c>
    </row>
    <row r="1432" spans="1:10" x14ac:dyDescent="0.25">
      <c r="A1432" s="182" t="s">
        <v>3587</v>
      </c>
      <c r="B1432" s="224">
        <v>46009</v>
      </c>
      <c r="C1432" s="183" t="s">
        <v>599</v>
      </c>
      <c r="D1432" s="183" t="s">
        <v>1803</v>
      </c>
      <c r="E1432" s="183">
        <v>36562939</v>
      </c>
      <c r="F1432" s="183" t="s">
        <v>3588</v>
      </c>
      <c r="G1432" s="201" t="s">
        <v>3589</v>
      </c>
      <c r="H1432" s="201" t="s">
        <v>3590</v>
      </c>
      <c r="I1432" s="183" t="s">
        <v>1695</v>
      </c>
      <c r="J1432" s="183">
        <v>4202025</v>
      </c>
    </row>
    <row r="1433" spans="1:10" x14ac:dyDescent="0.25">
      <c r="A1433" s="182" t="s">
        <v>3591</v>
      </c>
      <c r="B1433" s="224">
        <v>46014</v>
      </c>
      <c r="C1433" s="183" t="s">
        <v>3592</v>
      </c>
      <c r="D1433" s="183" t="s">
        <v>89</v>
      </c>
      <c r="E1433" s="183">
        <v>36692590</v>
      </c>
      <c r="F1433" s="183" t="s">
        <v>3593</v>
      </c>
      <c r="G1433" s="201" t="s">
        <v>3594</v>
      </c>
      <c r="H1433" s="201" t="s">
        <v>3595</v>
      </c>
      <c r="I1433" s="183" t="s">
        <v>1695</v>
      </c>
      <c r="J1433" s="183">
        <v>4212025</v>
      </c>
    </row>
    <row r="1434" spans="1:10" x14ac:dyDescent="0.25">
      <c r="A1434" s="182" t="s">
        <v>3596</v>
      </c>
      <c r="B1434" s="224">
        <v>46014</v>
      </c>
      <c r="C1434" s="183" t="s">
        <v>3385</v>
      </c>
      <c r="D1434" s="183" t="s">
        <v>3597</v>
      </c>
      <c r="E1434" s="183">
        <v>603783</v>
      </c>
      <c r="F1434" s="183" t="s">
        <v>3598</v>
      </c>
      <c r="G1434" s="201" t="s">
        <v>3599</v>
      </c>
      <c r="H1434" s="201" t="s">
        <v>3600</v>
      </c>
      <c r="I1434" s="183" t="s">
        <v>3601</v>
      </c>
      <c r="J1434" s="183" t="s">
        <v>1695</v>
      </c>
    </row>
  </sheetData>
  <hyperlinks>
    <hyperlink ref="C1396" r:id="rId1" location="Đ@{}][Đđ#&gt;&amp;" xr:uid="{B5C6A4B1-5F7F-4445-BB03-6506A92BEBA6}"/>
  </hyperlinks>
  <pageMargins left="0.7" right="0.7" top="0.75" bottom="0.75" header="0.3" footer="0.3"/>
  <pageSetup paperSize="9" scale="27" fitToHeight="0" orientation="landscape" r:id="rId2"/>
  <ignoredErrors>
    <ignoredError sqref="G1:G1434 H2:H1434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A1FAE81CF511045BCB63C7AD509CB6F" ma:contentTypeVersion="7" ma:contentTypeDescription="Create a new document." ma:contentTypeScope="" ma:versionID="818db73bd5fe0f3c8fe64f2f5d95d9e8">
  <xsd:schema xmlns:xsd="http://www.w3.org/2001/XMLSchema" xmlns:xs="http://www.w3.org/2001/XMLSchema" xmlns:p="http://schemas.microsoft.com/office/2006/metadata/properties" xmlns:ns2="2e17bbc7-234c-4b42-9604-a4553ee1a4d5" targetNamespace="http://schemas.microsoft.com/office/2006/metadata/properties" ma:root="true" ma:fieldsID="19341129aa4d565614a766574ba10e4b" ns2:_="">
    <xsd:import namespace="2e17bbc7-234c-4b42-9604-a4553ee1a4d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e17bbc7-234c-4b42-9604-a4553ee1a4d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4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7942CF0-F3E6-45DC-B06F-C87BE34BF37B}">
  <ds:schemaRefs>
    <ds:schemaRef ds:uri="http://schemas.microsoft.com/office/2006/documentManagement/types"/>
    <ds:schemaRef ds:uri="http://www.w3.org/XML/1998/namespace"/>
    <ds:schemaRef ds:uri="http://schemas.openxmlformats.org/package/2006/metadata/core-properties"/>
    <ds:schemaRef ds:uri="http://schemas.microsoft.com/office/infopath/2007/PartnerControls"/>
    <ds:schemaRef ds:uri="http://purl.org/dc/elements/1.1/"/>
    <ds:schemaRef ds:uri="http://purl.org/dc/dcmitype/"/>
    <ds:schemaRef ds:uri="2e17bbc7-234c-4b42-9604-a4553ee1a4d5"/>
    <ds:schemaRef ds:uri="http://schemas.microsoft.com/office/2006/metadata/properties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D2C5422B-8F0E-4FD8-ACF6-AA027E82334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39DBBDA-60BC-400F-BD74-56D67BC9AAA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e17bbc7-234c-4b42-9604-a4553ee1a4d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Hárok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na Štepková</dc:creator>
  <cp:keywords/>
  <dc:description/>
  <cp:lastModifiedBy>Martina Stopková</cp:lastModifiedBy>
  <cp:revision/>
  <cp:lastPrinted>2026-03-04T11:41:05Z</cp:lastPrinted>
  <dcterms:created xsi:type="dcterms:W3CDTF">2024-02-01T09:19:22Z</dcterms:created>
  <dcterms:modified xsi:type="dcterms:W3CDTF">2026-03-04T19:31:4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A1FAE81CF511045BCB63C7AD509CB6F</vt:lpwstr>
  </property>
  <property fmtid="{D5CDD505-2E9C-101B-9397-08002B2CF9AE}" pid="3" name="MediaServiceImageTags">
    <vt:lpwstr/>
  </property>
</Properties>
</file>